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4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1. Magda\001. ANGIO II. (nové)\02. Príprava\05. PTK\"/>
    </mc:Choice>
  </mc:AlternateContent>
  <xr:revisionPtr revIDLastSave="0" documentId="13_ncr:1_{8956FF83-9FFC-4B63-A73B-B4DAC058033F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Časť č. 1" sheetId="13" r:id="rId1"/>
    <sheet name="Časť č. 2" sheetId="14" r:id="rId2"/>
    <sheet name="Časť č. 3" sheetId="15" r:id="rId3"/>
    <sheet name="Časť č. 4" sheetId="16" r:id="rId4"/>
    <sheet name="Časť č. 5" sheetId="17" r:id="rId5"/>
    <sheet name="Časť č. 6" sheetId="18" r:id="rId6"/>
    <sheet name="Časť č. 7" sheetId="19" r:id="rId7"/>
    <sheet name="Časť č. 8" sheetId="20" r:id="rId8"/>
    <sheet name="Časť č. 9" sheetId="21" r:id="rId9"/>
    <sheet name="Časť č. 10" sheetId="22" r:id="rId10"/>
    <sheet name="Časť č. 11" sheetId="23" r:id="rId11"/>
    <sheet name="Časť č. 12" sheetId="24" r:id="rId12"/>
    <sheet name="Časť č. 13" sheetId="25" r:id="rId13"/>
    <sheet name="Časť č. 14" sheetId="26" r:id="rId14"/>
  </sheets>
  <definedNames>
    <definedName name="_xlnm.Print_Area" localSheetId="0">'Časť č. 1'!$A$1:$M$27</definedName>
    <definedName name="_xlnm.Print_Area" localSheetId="9">'Časť č. 10'!$A$1:$M$36</definedName>
    <definedName name="_xlnm.Print_Area" localSheetId="10">'Časť č. 11'!$A$1:$M$54</definedName>
    <definedName name="_xlnm.Print_Area" localSheetId="11">'Časť č. 12'!$A$1:$M$90</definedName>
    <definedName name="_xlnm.Print_Area" localSheetId="12">'Časť č. 13'!$A$1:$M$54</definedName>
    <definedName name="_xlnm.Print_Area" localSheetId="13">'Časť č. 14'!$A$1:$M$54</definedName>
    <definedName name="_xlnm.Print_Area" localSheetId="1">'Časť č. 2'!$A$1:$M$27</definedName>
    <definedName name="_xlnm.Print_Area" localSheetId="2">'Časť č. 3'!$A$1:$M$27</definedName>
    <definedName name="_xlnm.Print_Area" localSheetId="3">'Časť č. 4'!$A$1:$M$27</definedName>
    <definedName name="_xlnm.Print_Area" localSheetId="4">'Časť č. 5'!$A$1:$M$35</definedName>
    <definedName name="_xlnm.Print_Area" localSheetId="5">'Časť č. 6'!$A$1:$M$27</definedName>
    <definedName name="_xlnm.Print_Area" localSheetId="6">'Časť č. 7'!$A$1:$M$27</definedName>
    <definedName name="_xlnm.Print_Area" localSheetId="7">'Časť č. 8'!$A$1:$M$27</definedName>
    <definedName name="_xlnm.Print_Area" localSheetId="8">'Časť č. 9'!$A$1:$M$3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calcChain.xml><?xml version="1.0" encoding="utf-8"?>
<calcChain xmlns="http://schemas.openxmlformats.org/spreadsheetml/2006/main">
  <c r="M13" i="26" l="1"/>
  <c r="L13" i="26"/>
  <c r="M13" i="25"/>
  <c r="L13" i="25"/>
  <c r="L13" i="23"/>
  <c r="M17" i="24"/>
  <c r="L17" i="24"/>
  <c r="M13" i="23"/>
  <c r="L11" i="22"/>
  <c r="M11" i="22"/>
  <c r="L11" i="21"/>
  <c r="M11" i="21"/>
  <c r="L11" i="17"/>
  <c r="M11" i="17"/>
  <c r="M10" i="20"/>
  <c r="L10" i="20"/>
  <c r="M10" i="19"/>
  <c r="L10" i="19"/>
  <c r="M10" i="18"/>
  <c r="L10" i="18"/>
  <c r="M10" i="16"/>
  <c r="L10" i="16"/>
  <c r="M10" i="15"/>
  <c r="L10" i="15"/>
  <c r="M10" i="14"/>
  <c r="L10" i="14"/>
  <c r="M10" i="13" l="1"/>
  <c r="L10" i="13"/>
</calcChain>
</file>

<file path=xl/sharedStrings.xml><?xml version="1.0" encoding="utf-8"?>
<sst xmlns="http://schemas.openxmlformats.org/spreadsheetml/2006/main" count="1634" uniqueCount="132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Celková cena
za požadovaný počet MJ v EUR</t>
  </si>
  <si>
    <t>Jednotková cena za MJ v EUR</t>
  </si>
  <si>
    <t>ks</t>
  </si>
  <si>
    <t>Spotrebný zdravotnícky materiál a špeciálny zdravotnícky materiál pre intervenčnú angiológiu</t>
  </si>
  <si>
    <t xml:space="preserve">Množstvo
na obdobie
48 mes.  </t>
  </si>
  <si>
    <t xml:space="preserve">Množstvo
na obdobie
48 mes. </t>
  </si>
  <si>
    <t>Časť č. 1 - Štandardné PTA balóny</t>
  </si>
  <si>
    <t>PTA balónkové katétre na 0.014´´ vodič</t>
  </si>
  <si>
    <t>Sortiment položky č. 1 - PTA balónkové katétre na 0.014´´ vodič</t>
  </si>
  <si>
    <t>Časť č. 2 - ŠZM na 4F kompatibilnú intervenciu periférnych tepien</t>
  </si>
  <si>
    <t>Periferný podporný multifunkčný katetér s integrovaným balónikom</t>
  </si>
  <si>
    <t>Sortiment položky č. 1 - Periferný podporný multifunkčný katetér s integrovaným balónikom</t>
  </si>
  <si>
    <t>Časť č. 3 - 2-vrstvový periferný stent</t>
  </si>
  <si>
    <t>2-vrstvový periferný stent</t>
  </si>
  <si>
    <t>Sortiment položky č. 1 - 2-vrstvový periferný stent</t>
  </si>
  <si>
    <t>Časť č. 4 - Uzatvárací systém punkcie femorálnej tepny – extravaskulárny</t>
  </si>
  <si>
    <t>Uzatvárací systém punkcie femorálnej tepny – extravaskulárny</t>
  </si>
  <si>
    <t>Sortiment položky č. 1 - Uzatvárací systém punkcie femorálnej tepny – extravaskulárny</t>
  </si>
  <si>
    <t>Aortálne stenty</t>
  </si>
  <si>
    <t>Arteriálny/venózny PTA katéter na veľký priemer ciev</t>
  </si>
  <si>
    <t>Sortiment položky č. 1 - Aortálne stenty</t>
  </si>
  <si>
    <t>Sortiment položky č. 2 - Arteriálny/venózny PTA katéter na veľký priemer ciev</t>
  </si>
  <si>
    <t>Časť č. 5 - Stenty a balóny veľkých priemerov</t>
  </si>
  <si>
    <t>Časť č. 6 - 4F samo-expandovateľné stenty</t>
  </si>
  <si>
    <t>Sortiment položky č. 1 - Stent</t>
  </si>
  <si>
    <t>Stent</t>
  </si>
  <si>
    <t>Časť č. 8 - Revaskularizačný trombektomický aspiračný katéter</t>
  </si>
  <si>
    <t>Revaskularizačný trombektomický aspiračný katéter</t>
  </si>
  <si>
    <t>Sortiment položky č. 1 - Revaskularizačný trombektomický aspiračný katéter</t>
  </si>
  <si>
    <t>Časť č. 9 - ŠZM - Set na RFA povrchových žíl DK</t>
  </si>
  <si>
    <t>Časť č. 10 - ŠZM na mechanickú liečbu DVT a PE</t>
  </si>
  <si>
    <t>Rádiofrekvenčný generátor 3. generácie</t>
  </si>
  <si>
    <t>Kompatibilné rádiofrekvenčné endovenózne katétre</t>
  </si>
  <si>
    <t>Sortiment položky č. 1 - Rádiofrekvenčný generátor 3. generácie</t>
  </si>
  <si>
    <t>Sortiment položky č. 2 - Kompatibilné rádiofrekvenčné endovenózne katétre</t>
  </si>
  <si>
    <t>Set na mechanickú trombektómiu DVT dolných končatín</t>
  </si>
  <si>
    <t>Sortiment položky č. 1 - Set na mechanickú trombektómiu DVT dolných končatín</t>
  </si>
  <si>
    <t>Set na mechanickú a aspiračnú trombektómiu pľúcnej embólie</t>
  </si>
  <si>
    <t>Sortiment položky č. 2 - Set na mechanickú a aspiračnú trombektómiu pľúcnej embólie</t>
  </si>
  <si>
    <t>Flow diverter</t>
  </si>
  <si>
    <t>Sortiment položky č. 1 - Flow diverter</t>
  </si>
  <si>
    <t>Mini oklúzny balónikový katéter</t>
  </si>
  <si>
    <t>Sortiment položky č. 2 - Mini oklúzny balónikový katéter</t>
  </si>
  <si>
    <t>Vodiaci balónikový katéter</t>
  </si>
  <si>
    <t>Sortiment položky č. 3 - Vodiaci balónikový katéter</t>
  </si>
  <si>
    <t>Vodiaci manévrovateľný drôt</t>
  </si>
  <si>
    <t>Sortiment položky č. 4 - Vodiaci manévrovateľný drôt</t>
  </si>
  <si>
    <t>Časť č. 11 - ŠZM - neurointervencie</t>
  </si>
  <si>
    <t>Časť č. 12 - Základný a doplňujúci ŠZM k endovaskulárnej liečbe</t>
  </si>
  <si>
    <t>Mikrokatéter s dobrou ovládateľnosťou</t>
  </si>
  <si>
    <t>Sortiment položky č. 1 - Mikrokatéter s dobrou ovládateľnosťou</t>
  </si>
  <si>
    <t>Diagnostický vodič Amplatz typu</t>
  </si>
  <si>
    <t>Sortiment položky č. 4 - Diagnostický vodič Amplatz typu</t>
  </si>
  <si>
    <t>Púzdrové radiálne zavádzače</t>
  </si>
  <si>
    <t>Sortiment položky č. 5 - Púzdrové radiálne zavádzače</t>
  </si>
  <si>
    <t>Dlhé vodiace zavádzače</t>
  </si>
  <si>
    <t>Sortiment položky č. 6 - Dlhé vodiace zavádzače</t>
  </si>
  <si>
    <t>Insuflačná striekačka na generovanie pozitívnych a negatívnych tlakov</t>
  </si>
  <si>
    <t>Sortiment položky č. 7 - Insuflačná striekačka na generovanie pozitívnych a negatívnych tlakov</t>
  </si>
  <si>
    <t>Sortiment položky č. 8 - Endoprotéza na liečbu AVF</t>
  </si>
  <si>
    <t>Endoprotéza na liečbu AVF</t>
  </si>
  <si>
    <t>Spotrebný zdravotnícky materiál a špeciálny zdravotnícky materiál pre intervenčnú angiológiu II.</t>
  </si>
  <si>
    <t>Periférne balón-expandovateľné stenty</t>
  </si>
  <si>
    <t>Sortiment položky č. 1 - Periférne balón-expandovateľné stenty</t>
  </si>
  <si>
    <t>Časť č. 7 - Periférne balón-expandovateľné stenty</t>
  </si>
  <si>
    <t>Diagnostické periférne katétre štandardné</t>
  </si>
  <si>
    <t>Diagnostické periférne katétre hydrofílne</t>
  </si>
  <si>
    <t>Sortiment položky č. 2 - Diagnostické periférne katétre štandardné</t>
  </si>
  <si>
    <t>Sortiment položky č. 3 - Diagnostické periférne katétre hydrofílne</t>
  </si>
  <si>
    <r>
      <t xml:space="preserve">Príloha č. 1 - </t>
    </r>
    <r>
      <rPr>
        <sz val="10"/>
        <color theme="1"/>
        <rFont val="Arial"/>
        <family val="2"/>
        <charset val="238"/>
      </rPr>
      <t xml:space="preserve">Kalkulácia ceny a návrh na plnenie kritéria na vyhodnotenie ponúk + Sortiment ponúkaného tovaru </t>
    </r>
  </si>
  <si>
    <t>Časť č. 13 - ŠZM na neurointervencie - doplnkový a podporný materiál</t>
  </si>
  <si>
    <t>Hydrogélové embolizačné špirály</t>
  </si>
  <si>
    <t>Štandardné embolizačné špirály</t>
  </si>
  <si>
    <t>Mikrokatétre na neurointervenciu</t>
  </si>
  <si>
    <t xml:space="preserve">Emboloprotekčný filter </t>
  </si>
  <si>
    <t>Sortiment položky č. 1 - Hydrogélové embolizačné špirály</t>
  </si>
  <si>
    <t>Sortiment položky č. 2 - Štandardné embolizačné špirály</t>
  </si>
  <si>
    <t>Sortiment položky č. 3 - Mikrokatétre na neurointervenciu</t>
  </si>
  <si>
    <t xml:space="preserve">Sortiment položky č. 4 - Emboloprotekčný filter </t>
  </si>
  <si>
    <t xml:space="preserve">Samoexpandovateľný scaffold </t>
  </si>
  <si>
    <t xml:space="preserve">Tvarovateľné podporné mikrokatétre </t>
  </si>
  <si>
    <t>Spriechodňovacie CTO katétre na prechod uzávermi tepien</t>
  </si>
  <si>
    <t>DCB PTA  balónikové katétre potiahnuté liečivom sirolimus</t>
  </si>
  <si>
    <t xml:space="preserve">Sortiment položky č. 1 - Samoexpandovateľný scaffold </t>
  </si>
  <si>
    <t>Sortiment položky č. 2 - Tvarovateľné podporné mikrokatétre</t>
  </si>
  <si>
    <t>Sortiment položky č. 3 - Spriechodňovacie CTO katétre na prechod uzávermi tepien</t>
  </si>
  <si>
    <t>Sortiment položky č. 4 - DCB PTA  balónikové katétre potiahnuté liečivom sirolimus</t>
  </si>
  <si>
    <t>Časť č. 14 - ŠZM zamerané na vaskulárne intervenci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\ &quot;€&quot;"/>
    <numFmt numFmtId="165" formatCode="#,##0.0000\ &quot;€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i/>
      <sz val="9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i/>
      <sz val="8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47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theme="8" tint="-0.24994659260841701"/>
      </left>
      <right style="thick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47">
    <xf numFmtId="0" fontId="0" fillId="0" borderId="0" xfId="0"/>
    <xf numFmtId="0" fontId="2" fillId="0" borderId="0" xfId="0" applyFont="1" applyAlignment="1">
      <alignment horizontal="left" vertical="top"/>
    </xf>
    <xf numFmtId="0" fontId="5" fillId="0" borderId="0" xfId="1" applyFont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0" fontId="2" fillId="0" borderId="0" xfId="1" applyFont="1"/>
    <xf numFmtId="9" fontId="2" fillId="0" borderId="0" xfId="1" applyNumberFormat="1" applyFont="1" applyAlignment="1">
      <alignment horizontal="center" wrapText="1"/>
    </xf>
    <xf numFmtId="0" fontId="6" fillId="0" borderId="0" xfId="1" applyFont="1"/>
    <xf numFmtId="0" fontId="5" fillId="0" borderId="0" xfId="1" applyFont="1" applyAlignment="1">
      <alignment vertical="center"/>
    </xf>
    <xf numFmtId="0" fontId="5" fillId="0" borderId="0" xfId="1" applyFont="1" applyAlignment="1">
      <alignment horizontal="left" vertical="center"/>
    </xf>
    <xf numFmtId="0" fontId="5" fillId="0" borderId="0" xfId="1" applyFont="1" applyAlignment="1">
      <alignment horizontal="center" vertical="center" wrapText="1"/>
    </xf>
    <xf numFmtId="164" fontId="5" fillId="0" borderId="0" xfId="1" applyNumberFormat="1" applyFont="1" applyAlignment="1">
      <alignment horizontal="right" vertical="center"/>
    </xf>
    <xf numFmtId="165" fontId="5" fillId="0" borderId="0" xfId="1" applyNumberFormat="1" applyFont="1" applyAlignment="1">
      <alignment horizontal="right" vertical="center"/>
    </xf>
    <xf numFmtId="0" fontId="2" fillId="0" borderId="0" xfId="0" applyFont="1" applyAlignment="1">
      <alignment horizontal="left"/>
    </xf>
    <xf numFmtId="9" fontId="7" fillId="0" borderId="0" xfId="1" applyNumberFormat="1" applyFont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vertical="top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Protection="1"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0" borderId="16" xfId="0" applyFont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center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0" fontId="2" fillId="0" borderId="21" xfId="0" applyFont="1" applyBorder="1" applyAlignment="1" applyProtection="1">
      <alignment horizontal="left" vertical="center" wrapText="1"/>
      <protection locked="0"/>
    </xf>
    <xf numFmtId="0" fontId="2" fillId="0" borderId="22" xfId="0" applyFont="1" applyBorder="1" applyAlignment="1" applyProtection="1">
      <alignment horizontal="left" vertical="center" wrapText="1"/>
      <protection locked="0"/>
    </xf>
    <xf numFmtId="164" fontId="2" fillId="5" borderId="23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4" xfId="0" applyNumberFormat="1" applyFont="1" applyBorder="1" applyAlignment="1" applyProtection="1">
      <alignment horizontal="center" vertical="center" wrapText="1"/>
      <protection locked="0"/>
    </xf>
    <xf numFmtId="164" fontId="2" fillId="0" borderId="25" xfId="0" applyNumberFormat="1" applyFont="1" applyBorder="1" applyAlignment="1" applyProtection="1">
      <alignment horizontal="right" vertical="center" wrapText="1"/>
      <protection locked="0"/>
    </xf>
    <xf numFmtId="164" fontId="2" fillId="0" borderId="23" xfId="0" applyNumberFormat="1" applyFont="1" applyBorder="1" applyAlignment="1" applyProtection="1">
      <alignment horizontal="right" vertical="center" wrapText="1"/>
      <protection locked="0"/>
    </xf>
    <xf numFmtId="164" fontId="2" fillId="0" borderId="26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/>
      <protection locked="0"/>
    </xf>
    <xf numFmtId="49" fontId="5" fillId="0" borderId="0" xfId="0" applyNumberFormat="1" applyFont="1" applyAlignment="1" applyProtection="1">
      <alignment horizontal="center" wrapText="1"/>
      <protection locked="0"/>
    </xf>
    <xf numFmtId="49" fontId="5" fillId="0" borderId="0" xfId="0" applyNumberFormat="1" applyFont="1" applyAlignment="1" applyProtection="1">
      <alignment horizontal="left" wrapText="1"/>
      <protection locked="0"/>
    </xf>
    <xf numFmtId="0" fontId="2" fillId="0" borderId="0" xfId="0" applyFo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49" fontId="2" fillId="0" borderId="28" xfId="0" applyNumberFormat="1" applyFont="1" applyBorder="1" applyAlignment="1" applyProtection="1">
      <alignment horizontal="left" vertical="center" wrapText="1"/>
      <protection locked="0"/>
    </xf>
    <xf numFmtId="165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29" xfId="0" applyNumberFormat="1" applyFont="1" applyBorder="1" applyAlignment="1" applyProtection="1">
      <alignment horizontal="righ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1" xfId="0" applyNumberFormat="1" applyFont="1" applyBorder="1" applyAlignment="1" applyProtection="1">
      <alignment horizontal="right" vertical="center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8" xfId="0" applyFont="1" applyFill="1" applyBorder="1" applyAlignment="1" applyProtection="1">
      <alignment horizontal="center" vertical="center" wrapText="1"/>
      <protection locked="0"/>
    </xf>
    <xf numFmtId="49" fontId="2" fillId="0" borderId="31" xfId="0" applyNumberFormat="1" applyFont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center" vertical="center" wrapText="1"/>
      <protection locked="0"/>
    </xf>
    <xf numFmtId="49" fontId="2" fillId="0" borderId="33" xfId="0" applyNumberFormat="1" applyFont="1" applyBorder="1" applyAlignment="1" applyProtection="1">
      <alignment horizontal="center" vertical="center" wrapText="1"/>
      <protection locked="0"/>
    </xf>
    <xf numFmtId="49" fontId="2" fillId="0" borderId="34" xfId="0" applyNumberFormat="1" applyFont="1" applyBorder="1" applyAlignment="1" applyProtection="1">
      <alignment horizontal="left" vertical="center" wrapText="1"/>
      <protection locked="0"/>
    </xf>
    <xf numFmtId="49" fontId="2" fillId="0" borderId="33" xfId="0" applyNumberFormat="1" applyFont="1" applyBorder="1" applyAlignment="1" applyProtection="1">
      <alignment horizontal="left" vertical="center" wrapText="1"/>
      <protection locked="0"/>
    </xf>
    <xf numFmtId="165" fontId="2" fillId="0" borderId="34" xfId="0" applyNumberFormat="1" applyFont="1" applyBorder="1" applyAlignment="1" applyProtection="1">
      <alignment horizontal="right" vertical="center" wrapText="1"/>
      <protection locked="0"/>
    </xf>
    <xf numFmtId="9" fontId="2" fillId="0" borderId="35" xfId="0" applyNumberFormat="1" applyFont="1" applyBorder="1" applyAlignment="1" applyProtection="1">
      <alignment horizontal="right" vertical="center" wrapText="1"/>
      <protection locked="0"/>
    </xf>
    <xf numFmtId="0" fontId="2" fillId="0" borderId="36" xfId="0" applyFont="1" applyBorder="1" applyAlignment="1" applyProtection="1">
      <alignment horizontal="center" vertical="center" wrapText="1"/>
      <protection locked="0"/>
    </xf>
    <xf numFmtId="165" fontId="2" fillId="0" borderId="38" xfId="0" applyNumberFormat="1" applyFont="1" applyBorder="1" applyAlignment="1" applyProtection="1">
      <alignment horizontal="right" vertical="center" wrapText="1"/>
      <protection locked="0"/>
    </xf>
    <xf numFmtId="165" fontId="2" fillId="0" borderId="39" xfId="0" applyNumberFormat="1" applyFont="1" applyBorder="1" applyAlignment="1" applyProtection="1">
      <alignment horizontal="right" vertical="center" wrapText="1"/>
      <protection locked="0"/>
    </xf>
    <xf numFmtId="165" fontId="2" fillId="0" borderId="40" xfId="0" applyNumberFormat="1" applyFont="1" applyBorder="1" applyAlignment="1" applyProtection="1">
      <alignment horizontal="right" vertical="center" wrapText="1"/>
      <protection locked="0"/>
    </xf>
    <xf numFmtId="164" fontId="2" fillId="0" borderId="0" xfId="0" applyNumberFormat="1" applyFont="1" applyAlignment="1" applyProtection="1">
      <alignment horizontal="right" vertical="center" wrapText="1"/>
      <protection locked="0"/>
    </xf>
    <xf numFmtId="164" fontId="2" fillId="4" borderId="44" xfId="0" applyNumberFormat="1" applyFont="1" applyFill="1" applyBorder="1" applyAlignment="1" applyProtection="1">
      <alignment horizontal="right" vertical="center"/>
      <protection locked="0"/>
    </xf>
    <xf numFmtId="0" fontId="16" fillId="2" borderId="3" xfId="0" applyFont="1" applyFill="1" applyBorder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0" fontId="16" fillId="2" borderId="32" xfId="0" applyFont="1" applyFill="1" applyBorder="1" applyAlignment="1" applyProtection="1">
      <alignment horizontal="center" vertical="top" wrapText="1"/>
      <protection locked="0"/>
    </xf>
    <xf numFmtId="0" fontId="16" fillId="2" borderId="3" xfId="0" applyFont="1" applyFill="1" applyBorder="1" applyAlignment="1" applyProtection="1">
      <alignment horizontal="center" vertical="top" wrapText="1"/>
      <protection locked="0"/>
    </xf>
    <xf numFmtId="0" fontId="16" fillId="2" borderId="8" xfId="0" applyFont="1" applyFill="1" applyBorder="1" applyAlignment="1" applyProtection="1">
      <alignment horizontal="center" vertical="top" wrapText="1"/>
      <protection locked="0"/>
    </xf>
    <xf numFmtId="0" fontId="16" fillId="2" borderId="8" xfId="0" applyFont="1" applyFill="1" applyBorder="1" applyAlignment="1" applyProtection="1">
      <alignment horizontal="center" vertical="center" wrapText="1"/>
      <protection locked="0"/>
    </xf>
    <xf numFmtId="0" fontId="16" fillId="2" borderId="9" xfId="0" applyFont="1" applyFill="1" applyBorder="1" applyAlignment="1" applyProtection="1">
      <alignment horizontal="center" vertical="center" wrapText="1"/>
      <protection locked="0"/>
    </xf>
    <xf numFmtId="0" fontId="16" fillId="2" borderId="37" xfId="0" applyFont="1" applyFill="1" applyBorder="1" applyAlignment="1" applyProtection="1">
      <alignment horizontal="center" vertical="center" wrapText="1"/>
      <protection locked="0"/>
    </xf>
    <xf numFmtId="0" fontId="16" fillId="2" borderId="42" xfId="0" applyFont="1" applyFill="1" applyBorder="1" applyAlignment="1" applyProtection="1">
      <alignment horizontal="center" vertical="top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0" fontId="16" fillId="2" borderId="45" xfId="0" applyFont="1" applyFill="1" applyBorder="1" applyAlignment="1" applyProtection="1">
      <alignment horizontal="center" vertical="top" wrapText="1"/>
      <protection locked="0"/>
    </xf>
    <xf numFmtId="0" fontId="16" fillId="2" borderId="45" xfId="0" applyFont="1" applyFill="1" applyBorder="1" applyAlignment="1" applyProtection="1">
      <alignment horizontal="center" vertical="center" wrapText="1"/>
      <protection locked="0"/>
    </xf>
    <xf numFmtId="0" fontId="2" fillId="0" borderId="21" xfId="0" applyFont="1" applyBorder="1" applyAlignment="1" applyProtection="1">
      <alignment horizontal="center" vertical="center" wrapText="1"/>
      <protection locked="0"/>
    </xf>
    <xf numFmtId="0" fontId="16" fillId="2" borderId="19" xfId="0" applyFont="1" applyFill="1" applyBorder="1" applyAlignment="1" applyProtection="1">
      <alignment horizontal="center" vertical="center" wrapText="1"/>
      <protection locked="0"/>
    </xf>
    <xf numFmtId="164" fontId="2" fillId="4" borderId="46" xfId="0" applyNumberFormat="1" applyFont="1" applyFill="1" applyBorder="1" applyAlignment="1" applyProtection="1">
      <alignment horizontal="right" vertical="center"/>
      <protection locked="0"/>
    </xf>
    <xf numFmtId="49" fontId="15" fillId="0" borderId="0" xfId="0" applyNumberFormat="1" applyFont="1" applyAlignment="1">
      <alignment horizontal="left" vertical="center" wrapText="1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3" fontId="5" fillId="0" borderId="21" xfId="0" applyNumberFormat="1" applyFont="1" applyBorder="1" applyAlignment="1">
      <alignment horizontal="center" vertical="center" wrapText="1"/>
    </xf>
    <xf numFmtId="0" fontId="2" fillId="0" borderId="0" xfId="1" applyFont="1" applyAlignment="1">
      <alignment horizontal="right" vertical="center" wrapText="1"/>
    </xf>
    <xf numFmtId="49" fontId="15" fillId="0" borderId="0" xfId="0" applyNumberFormat="1" applyFont="1" applyAlignment="1">
      <alignment horizontal="left" vertical="center" wrapText="1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49" fontId="15" fillId="0" borderId="0" xfId="0" applyNumberFormat="1" applyFont="1" applyAlignment="1">
      <alignment horizontal="left" vertical="center" wrapText="1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49" fontId="15" fillId="0" borderId="0" xfId="0" applyNumberFormat="1" applyFont="1" applyAlignment="1">
      <alignment horizontal="left" vertical="center" wrapText="1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Border="1" applyAlignment="1" applyProtection="1">
      <alignment horizontal="center" vertical="center" wrapText="1"/>
      <protection locked="0"/>
    </xf>
    <xf numFmtId="49" fontId="15" fillId="0" borderId="0" xfId="0" applyNumberFormat="1" applyFont="1" applyAlignment="1">
      <alignment horizontal="left" vertical="center" wrapText="1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 vertical="center" wrapText="1"/>
      <protection locked="0"/>
    </xf>
    <xf numFmtId="14" fontId="2" fillId="0" borderId="0" xfId="0" applyNumberFormat="1" applyFont="1" applyAlignment="1" applyProtection="1">
      <alignment horizontal="left" vertical="center" wrapText="1"/>
      <protection locked="0"/>
    </xf>
    <xf numFmtId="0" fontId="9" fillId="0" borderId="5" xfId="0" applyFont="1" applyBorder="1" applyAlignment="1">
      <alignment horizontal="center"/>
    </xf>
    <xf numFmtId="0" fontId="3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 wrapText="1"/>
    </xf>
    <xf numFmtId="0" fontId="11" fillId="3" borderId="0" xfId="0" applyFont="1" applyFill="1" applyAlignment="1">
      <alignment horizontal="left" vertical="center" wrapText="1"/>
    </xf>
    <xf numFmtId="49" fontId="15" fillId="0" borderId="0" xfId="0" applyNumberFormat="1" applyFont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3" fillId="6" borderId="14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3" xfId="0" applyFont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41" xfId="0" applyFont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center" vertical="top" wrapText="1"/>
      <protection locked="0"/>
    </xf>
    <xf numFmtId="3" fontId="5" fillId="0" borderId="43" xfId="0" applyNumberFormat="1" applyFont="1" applyBorder="1" applyAlignment="1" applyProtection="1">
      <alignment horizontal="center" vertical="center" wrapText="1"/>
      <protection locked="0"/>
    </xf>
    <xf numFmtId="0" fontId="5" fillId="0" borderId="4" xfId="0" applyFont="1" applyBorder="1" applyAlignment="1" applyProtection="1">
      <alignment horizontal="center" vertical="center" wrapText="1"/>
      <protection locked="0"/>
    </xf>
    <xf numFmtId="0" fontId="5" fillId="0" borderId="21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left"/>
      <protection locked="0"/>
    </xf>
  </cellXfs>
  <cellStyles count="4">
    <cellStyle name="Normálna" xfId="0" builtinId="0"/>
    <cellStyle name="Normálna 2" xfId="1" xr:uid="{00000000-0005-0000-0000-000000000000}"/>
    <cellStyle name="normálne 2 2 2" xfId="2" xr:uid="{00000000-0005-0000-0000-000002000000}"/>
    <cellStyle name="Normálne 4" xfId="3" xr:uid="{00000000-0005-0000-0000-000003000000}"/>
  </cellStyles>
  <dxfs count="8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4" tint="0.79998168889431442"/>
    <pageSetUpPr fitToPage="1"/>
  </sheetPr>
  <dimension ref="A1:V29"/>
  <sheetViews>
    <sheetView showGridLines="0" tabSelected="1" zoomScale="90" zoomScaleNormal="90" workbookViewId="0">
      <selection sqref="A1:XFD1"/>
    </sheetView>
  </sheetViews>
  <sheetFormatPr defaultColWidth="9.140625" defaultRowHeight="12" x14ac:dyDescent="0.2"/>
  <cols>
    <col min="1" max="1" width="5" style="3" customWidth="1"/>
    <col min="2" max="2" width="29" style="3" customWidth="1"/>
    <col min="3" max="3" width="15.85546875" style="3" customWidth="1"/>
    <col min="4" max="4" width="16.42578125" style="4" customWidth="1"/>
    <col min="5" max="5" width="17" style="4" customWidth="1"/>
    <col min="6" max="6" width="15" style="2" customWidth="1"/>
    <col min="7" max="10" width="14.7109375" style="2" customWidth="1"/>
    <col min="11" max="11" width="14.7109375" style="5" customWidth="1"/>
    <col min="12" max="12" width="14.7109375" style="2" customWidth="1"/>
    <col min="13" max="13" width="15" style="2" customWidth="1"/>
    <col min="14" max="14" width="14.7109375" style="2" customWidth="1"/>
    <col min="15" max="16384" width="9.140625" style="2"/>
  </cols>
  <sheetData>
    <row r="1" spans="1:22" s="27" customFormat="1" ht="20.100000000000001" customHeight="1" x14ac:dyDescent="0.2">
      <c r="A1" s="122" t="s">
        <v>113</v>
      </c>
      <c r="B1" s="122"/>
      <c r="C1" s="122"/>
      <c r="D1" s="122"/>
      <c r="E1" s="122"/>
      <c r="F1" s="122"/>
      <c r="G1" s="122"/>
      <c r="H1" s="122"/>
      <c r="I1" s="122"/>
      <c r="J1" s="122"/>
      <c r="K1" s="122"/>
      <c r="L1" s="122"/>
      <c r="M1" s="122"/>
      <c r="N1" s="2"/>
      <c r="O1" s="2"/>
      <c r="P1" s="2"/>
      <c r="Q1" s="2"/>
      <c r="R1" s="2"/>
      <c r="S1" s="2"/>
      <c r="T1" s="2"/>
      <c r="U1" s="2"/>
      <c r="V1" s="26"/>
    </row>
    <row r="2" spans="1:22" ht="24.95" customHeight="1" x14ac:dyDescent="0.2">
      <c r="A2" s="16" t="s">
        <v>9</v>
      </c>
      <c r="B2" s="1"/>
      <c r="C2" s="10"/>
      <c r="D2" s="10"/>
      <c r="E2" s="10"/>
      <c r="F2" s="10"/>
      <c r="G2" s="10"/>
      <c r="H2" s="10"/>
      <c r="I2" s="10"/>
      <c r="J2" s="10"/>
      <c r="K2" s="10"/>
      <c r="L2" s="10"/>
    </row>
    <row r="3" spans="1:22" ht="24.95" customHeight="1" x14ac:dyDescent="0.2">
      <c r="A3" s="123" t="s">
        <v>105</v>
      </c>
      <c r="B3" s="123"/>
      <c r="C3" s="123"/>
      <c r="D3" s="123"/>
      <c r="E3" s="123"/>
      <c r="F3" s="123"/>
      <c r="G3" s="123"/>
      <c r="H3" s="123"/>
      <c r="I3" s="123"/>
      <c r="J3" s="123"/>
      <c r="K3" s="123"/>
      <c r="L3" s="123"/>
    </row>
    <row r="4" spans="1:22" ht="14.25" customHeight="1" x14ac:dyDescent="0.2">
      <c r="A4" s="95"/>
      <c r="B4" s="95"/>
      <c r="C4" s="95"/>
      <c r="D4" s="95"/>
      <c r="E4" s="95"/>
      <c r="F4" s="95"/>
      <c r="G4" s="95"/>
      <c r="H4" s="95"/>
      <c r="I4" s="95"/>
      <c r="J4" s="95"/>
      <c r="K4" s="95"/>
      <c r="L4" s="95"/>
    </row>
    <row r="5" spans="1:22" ht="24.95" customHeight="1" x14ac:dyDescent="0.2">
      <c r="A5" s="123" t="s">
        <v>50</v>
      </c>
      <c r="B5" s="123"/>
      <c r="C5" s="123"/>
      <c r="D5" s="123"/>
      <c r="E5" s="123"/>
      <c r="F5" s="123"/>
      <c r="G5" s="123"/>
      <c r="H5" s="123"/>
      <c r="I5" s="123"/>
      <c r="J5" s="123"/>
      <c r="K5" s="123"/>
      <c r="L5" s="123"/>
    </row>
    <row r="6" spans="1:22" s="30" customFormat="1" ht="33" customHeight="1" x14ac:dyDescent="0.25">
      <c r="A6" s="124" t="s">
        <v>24</v>
      </c>
      <c r="B6" s="126" t="s">
        <v>25</v>
      </c>
      <c r="C6" s="124" t="s">
        <v>43</v>
      </c>
      <c r="D6" s="128" t="s">
        <v>49</v>
      </c>
      <c r="E6" s="130" t="s">
        <v>29</v>
      </c>
      <c r="F6" s="130" t="s">
        <v>30</v>
      </c>
      <c r="G6" s="130" t="s">
        <v>31</v>
      </c>
      <c r="H6" s="97" t="s">
        <v>32</v>
      </c>
      <c r="I6" s="132" t="s">
        <v>33</v>
      </c>
      <c r="J6" s="133"/>
      <c r="K6" s="133"/>
      <c r="L6" s="132" t="s">
        <v>44</v>
      </c>
      <c r="M6" s="134"/>
      <c r="O6" s="34"/>
      <c r="P6" s="34"/>
    </row>
    <row r="7" spans="1:22" s="30" customFormat="1" ht="33" customHeight="1" x14ac:dyDescent="0.25">
      <c r="A7" s="125"/>
      <c r="B7" s="127"/>
      <c r="C7" s="125"/>
      <c r="D7" s="129"/>
      <c r="E7" s="131"/>
      <c r="F7" s="131"/>
      <c r="G7" s="131"/>
      <c r="H7" s="96"/>
      <c r="I7" s="60" t="s">
        <v>26</v>
      </c>
      <c r="J7" s="61" t="s">
        <v>34</v>
      </c>
      <c r="K7" s="62" t="s">
        <v>28</v>
      </c>
      <c r="L7" s="63" t="s">
        <v>26</v>
      </c>
      <c r="M7" s="64" t="s">
        <v>28</v>
      </c>
      <c r="O7" s="34"/>
      <c r="P7" s="34"/>
    </row>
    <row r="8" spans="1:22" s="80" customFormat="1" ht="14.1" customHeight="1" x14ac:dyDescent="0.25">
      <c r="A8" s="93" t="s">
        <v>0</v>
      </c>
      <c r="B8" s="93" t="s">
        <v>12</v>
      </c>
      <c r="C8" s="93" t="s">
        <v>13</v>
      </c>
      <c r="D8" s="93" t="s">
        <v>14</v>
      </c>
      <c r="E8" s="91" t="s">
        <v>15</v>
      </c>
      <c r="F8" s="79" t="s">
        <v>16</v>
      </c>
      <c r="G8" s="79" t="s">
        <v>17</v>
      </c>
      <c r="H8" s="79" t="s">
        <v>18</v>
      </c>
      <c r="I8" s="79" t="s">
        <v>19</v>
      </c>
      <c r="J8" s="79" t="s">
        <v>35</v>
      </c>
      <c r="K8" s="79" t="s">
        <v>36</v>
      </c>
      <c r="L8" s="79" t="s">
        <v>37</v>
      </c>
      <c r="M8" s="79" t="s">
        <v>38</v>
      </c>
      <c r="O8" s="81"/>
      <c r="P8" s="81"/>
    </row>
    <row r="9" spans="1:22" s="31" customFormat="1" ht="39.75" customHeight="1" thickBot="1" x14ac:dyDescent="0.3">
      <c r="A9" s="38" t="s">
        <v>0</v>
      </c>
      <c r="B9" s="39" t="s">
        <v>51</v>
      </c>
      <c r="C9" s="92" t="s">
        <v>46</v>
      </c>
      <c r="D9" s="98"/>
      <c r="E9" s="40"/>
      <c r="F9" s="40"/>
      <c r="G9" s="40"/>
      <c r="H9" s="41"/>
      <c r="I9" s="42"/>
      <c r="J9" s="43"/>
      <c r="K9" s="44"/>
      <c r="L9" s="45"/>
      <c r="M9" s="46"/>
      <c r="O9" s="37"/>
      <c r="P9" s="37"/>
    </row>
    <row r="10" spans="1:22" s="32" customFormat="1" ht="33" customHeight="1" thickBot="1" x14ac:dyDescent="0.3">
      <c r="A10" s="47"/>
      <c r="B10" s="48"/>
      <c r="C10" s="48"/>
      <c r="D10" s="48"/>
      <c r="E10" s="49"/>
      <c r="F10" s="49"/>
      <c r="G10" s="49"/>
      <c r="H10" s="49"/>
      <c r="I10" s="48"/>
      <c r="J10" s="48"/>
      <c r="K10" s="48"/>
      <c r="L10" s="78">
        <f>SUM(L9:L9)</f>
        <v>0</v>
      </c>
      <c r="M10" s="94">
        <f>SUM(M9:M9)</f>
        <v>0</v>
      </c>
      <c r="O10" s="50"/>
      <c r="P10" s="50"/>
    </row>
    <row r="11" spans="1:22" s="33" customFormat="1" ht="29.25" customHeight="1" x14ac:dyDescent="0.25">
      <c r="A11" s="135" t="s">
        <v>52</v>
      </c>
      <c r="B11" s="135"/>
      <c r="C11" s="135"/>
      <c r="D11" s="135"/>
      <c r="E11" s="135"/>
      <c r="F11" s="135"/>
      <c r="G11" s="135"/>
      <c r="H11" s="135"/>
      <c r="I11" s="135"/>
      <c r="J11" s="135"/>
      <c r="K11" s="135"/>
      <c r="L11" s="51"/>
      <c r="M11" s="51"/>
      <c r="N11" s="51"/>
      <c r="O11" s="51"/>
      <c r="P11" s="51"/>
    </row>
    <row r="12" spans="1:22" s="28" customFormat="1" ht="22.5" customHeight="1" x14ac:dyDescent="0.25">
      <c r="A12" s="136" t="s">
        <v>24</v>
      </c>
      <c r="B12" s="136" t="s">
        <v>39</v>
      </c>
      <c r="C12" s="136" t="s">
        <v>40</v>
      </c>
      <c r="D12" s="136" t="s">
        <v>30</v>
      </c>
      <c r="E12" s="136" t="s">
        <v>32</v>
      </c>
      <c r="F12" s="136" t="s">
        <v>41</v>
      </c>
      <c r="G12" s="136" t="s">
        <v>42</v>
      </c>
      <c r="H12" s="138" t="s">
        <v>45</v>
      </c>
      <c r="I12" s="139"/>
      <c r="J12" s="139"/>
      <c r="K12" s="140" t="s">
        <v>48</v>
      </c>
      <c r="L12" s="142"/>
      <c r="M12" s="142"/>
      <c r="N12" s="34"/>
      <c r="O12" s="34"/>
      <c r="P12" s="34"/>
    </row>
    <row r="13" spans="1:22" s="28" customFormat="1" ht="22.5" customHeight="1" x14ac:dyDescent="0.25">
      <c r="A13" s="137"/>
      <c r="B13" s="137"/>
      <c r="C13" s="137"/>
      <c r="D13" s="137"/>
      <c r="E13" s="137"/>
      <c r="F13" s="137"/>
      <c r="G13" s="137"/>
      <c r="H13" s="35" t="s">
        <v>26</v>
      </c>
      <c r="I13" s="36" t="s">
        <v>27</v>
      </c>
      <c r="J13" s="73" t="s">
        <v>28</v>
      </c>
      <c r="K13" s="141"/>
      <c r="L13" s="37"/>
      <c r="M13" s="37"/>
      <c r="N13" s="34"/>
      <c r="O13" s="34"/>
      <c r="P13" s="34"/>
    </row>
    <row r="14" spans="1:22" s="89" customFormat="1" ht="14.1" customHeight="1" x14ac:dyDescent="0.25">
      <c r="A14" s="82" t="s">
        <v>0</v>
      </c>
      <c r="B14" s="83" t="s">
        <v>12</v>
      </c>
      <c r="C14" s="83" t="s">
        <v>13</v>
      </c>
      <c r="D14" s="83" t="s">
        <v>14</v>
      </c>
      <c r="E14" s="90" t="s">
        <v>15</v>
      </c>
      <c r="F14" s="84" t="s">
        <v>16</v>
      </c>
      <c r="G14" s="79" t="s">
        <v>17</v>
      </c>
      <c r="H14" s="85" t="s">
        <v>18</v>
      </c>
      <c r="I14" s="86" t="s">
        <v>19</v>
      </c>
      <c r="J14" s="87" t="s">
        <v>35</v>
      </c>
      <c r="K14" s="88" t="s">
        <v>36</v>
      </c>
      <c r="L14" s="81"/>
      <c r="M14" s="81"/>
      <c r="N14" s="81"/>
      <c r="O14" s="81"/>
      <c r="P14" s="81"/>
    </row>
    <row r="15" spans="1:22" s="29" customFormat="1" ht="24.95" customHeight="1" x14ac:dyDescent="0.25">
      <c r="A15" s="67" t="s">
        <v>0</v>
      </c>
      <c r="B15" s="52"/>
      <c r="C15" s="53"/>
      <c r="D15" s="65"/>
      <c r="E15" s="65"/>
      <c r="F15" s="65"/>
      <c r="G15" s="65"/>
      <c r="H15" s="54"/>
      <c r="I15" s="55"/>
      <c r="J15" s="74"/>
      <c r="K15" s="143"/>
      <c r="L15" s="77"/>
      <c r="M15" s="77"/>
      <c r="N15" s="37"/>
      <c r="O15" s="37"/>
      <c r="P15" s="37"/>
    </row>
    <row r="16" spans="1:22" s="29" customFormat="1" ht="24.95" customHeight="1" x14ac:dyDescent="0.25">
      <c r="A16" s="66" t="s">
        <v>12</v>
      </c>
      <c r="B16" s="56"/>
      <c r="C16" s="57"/>
      <c r="D16" s="66"/>
      <c r="E16" s="66"/>
      <c r="F16" s="66"/>
      <c r="G16" s="67"/>
      <c r="H16" s="58"/>
      <c r="I16" s="59"/>
      <c r="J16" s="75"/>
      <c r="K16" s="144"/>
      <c r="L16" s="77"/>
      <c r="M16" s="77"/>
      <c r="N16" s="37"/>
      <c r="O16" s="37"/>
      <c r="P16" s="37"/>
    </row>
    <row r="17" spans="1:16" s="29" customFormat="1" ht="24.95" customHeight="1" x14ac:dyDescent="0.25">
      <c r="A17" s="68" t="s">
        <v>13</v>
      </c>
      <c r="B17" s="69"/>
      <c r="C17" s="70"/>
      <c r="D17" s="68"/>
      <c r="E17" s="68"/>
      <c r="F17" s="68"/>
      <c r="G17" s="68"/>
      <c r="H17" s="71"/>
      <c r="I17" s="72"/>
      <c r="J17" s="76"/>
      <c r="K17" s="145"/>
      <c r="L17" s="77"/>
      <c r="M17" s="77"/>
      <c r="N17" s="37"/>
      <c r="O17" s="37"/>
      <c r="P17" s="37"/>
    </row>
    <row r="18" spans="1:16" s="8" customFormat="1" ht="15.75" customHeight="1" x14ac:dyDescent="0.2">
      <c r="A18" s="6"/>
      <c r="B18" s="6"/>
      <c r="C18" s="6"/>
      <c r="D18" s="7"/>
      <c r="F18" s="9"/>
      <c r="G18" s="9"/>
      <c r="H18" s="9"/>
      <c r="I18" s="9"/>
      <c r="J18" s="17"/>
      <c r="K18" s="17"/>
      <c r="L18" s="17"/>
      <c r="M18" s="17"/>
    </row>
    <row r="19" spans="1:16" s="8" customFormat="1" ht="15.75" customHeight="1" x14ac:dyDescent="0.2">
      <c r="A19" s="6"/>
      <c r="B19" s="6"/>
      <c r="C19" s="6"/>
      <c r="D19" s="7"/>
      <c r="F19" s="9"/>
      <c r="G19" s="9"/>
      <c r="H19" s="9"/>
      <c r="I19" s="9"/>
      <c r="J19" s="17"/>
      <c r="K19" s="17"/>
      <c r="L19" s="17"/>
      <c r="M19" s="17"/>
    </row>
    <row r="20" spans="1:16" s="11" customFormat="1" ht="20.100000000000001" customHeight="1" x14ac:dyDescent="0.25">
      <c r="A20" s="11" t="s">
        <v>3</v>
      </c>
      <c r="C20" s="135"/>
      <c r="D20" s="135"/>
      <c r="E20" s="99" t="s">
        <v>2</v>
      </c>
      <c r="F20" s="117"/>
      <c r="G20" s="117"/>
      <c r="K20" s="17"/>
      <c r="L20" s="17"/>
    </row>
    <row r="21" spans="1:16" s="11" customFormat="1" ht="20.100000000000001" customHeight="1" x14ac:dyDescent="0.25">
      <c r="A21" s="11" t="s">
        <v>4</v>
      </c>
      <c r="C21" s="117"/>
      <c r="D21" s="117"/>
      <c r="E21" s="99" t="s">
        <v>1</v>
      </c>
      <c r="F21" s="118"/>
      <c r="G21" s="118"/>
      <c r="K21" s="14"/>
      <c r="L21" s="15"/>
    </row>
    <row r="22" spans="1:16" s="11" customFormat="1" ht="20.100000000000001" customHeight="1" x14ac:dyDescent="0.2">
      <c r="A22" s="11" t="s">
        <v>5</v>
      </c>
      <c r="C22" s="117"/>
      <c r="D22" s="117"/>
      <c r="E22" s="13"/>
      <c r="H22" s="18" t="s">
        <v>20</v>
      </c>
      <c r="I22" s="119"/>
      <c r="J22" s="119"/>
      <c r="L22" s="15"/>
    </row>
    <row r="23" spans="1:16" s="11" customFormat="1" ht="20.100000000000001" customHeight="1" x14ac:dyDescent="0.2">
      <c r="D23" s="12"/>
      <c r="H23" s="19"/>
      <c r="I23" s="20"/>
      <c r="J23" s="20"/>
      <c r="L23" s="15"/>
    </row>
    <row r="24" spans="1:16" s="11" customFormat="1" ht="20.100000000000001" customHeight="1" x14ac:dyDescent="0.25">
      <c r="A24" s="11" t="s">
        <v>6</v>
      </c>
      <c r="C24" s="135"/>
      <c r="D24" s="135"/>
      <c r="H24" s="21" t="s">
        <v>21</v>
      </c>
      <c r="I24" s="120"/>
      <c r="J24" s="120"/>
      <c r="L24" s="15"/>
    </row>
    <row r="25" spans="1:16" s="11" customFormat="1" ht="20.100000000000001" customHeight="1" x14ac:dyDescent="0.25">
      <c r="A25" s="11" t="s">
        <v>7</v>
      </c>
      <c r="C25" s="117"/>
      <c r="D25" s="117"/>
      <c r="E25" s="13"/>
      <c r="H25" s="21" t="s">
        <v>22</v>
      </c>
      <c r="I25" s="121"/>
      <c r="J25" s="121"/>
      <c r="L25" s="15"/>
    </row>
    <row r="26" spans="1:16" s="11" customFormat="1" ht="20.100000000000001" customHeight="1" x14ac:dyDescent="0.25">
      <c r="A26" s="11" t="s">
        <v>8</v>
      </c>
      <c r="C26" s="117"/>
      <c r="D26" s="117"/>
      <c r="E26" s="13"/>
      <c r="H26" s="22" t="s">
        <v>23</v>
      </c>
      <c r="I26" s="23"/>
      <c r="J26" s="23"/>
    </row>
    <row r="27" spans="1:16" s="11" customFormat="1" ht="20.100000000000001" customHeight="1" x14ac:dyDescent="0.25">
      <c r="A27" s="12"/>
      <c r="B27" s="12"/>
      <c r="C27" s="12"/>
      <c r="D27" s="13"/>
      <c r="E27" s="13"/>
    </row>
    <row r="28" spans="1:16" s="11" customFormat="1" ht="20.100000000000001" customHeight="1" x14ac:dyDescent="0.2">
      <c r="A28" s="146" t="s">
        <v>10</v>
      </c>
      <c r="B28" s="146"/>
      <c r="C28" s="12"/>
      <c r="D28" s="13"/>
      <c r="E28" s="13"/>
    </row>
    <row r="29" spans="1:16" s="8" customFormat="1" ht="20.100000000000001" customHeight="1" x14ac:dyDescent="0.2">
      <c r="A29" s="24"/>
      <c r="B29" s="25" t="s">
        <v>11</v>
      </c>
      <c r="D29" s="7"/>
      <c r="E29" s="7"/>
      <c r="F29" s="9"/>
      <c r="M29" s="6"/>
    </row>
  </sheetData>
  <mergeCells count="36">
    <mergeCell ref="C22:D22"/>
    <mergeCell ref="C24:D24"/>
    <mergeCell ref="C25:D25"/>
    <mergeCell ref="C26:D26"/>
    <mergeCell ref="A28:B28"/>
    <mergeCell ref="C21:D21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20:D20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F20:G20"/>
    <mergeCell ref="F21:G21"/>
    <mergeCell ref="I22:J22"/>
    <mergeCell ref="I24:J24"/>
    <mergeCell ref="I25:J25"/>
  </mergeCells>
  <conditionalFormatting sqref="F20:G20">
    <cfRule type="containsBlanks" dxfId="83" priority="6">
      <formula>LEN(TRIM(F20))=0</formula>
    </cfRule>
  </conditionalFormatting>
  <conditionalFormatting sqref="I24:J24">
    <cfRule type="containsBlanks" dxfId="82" priority="4">
      <formula>LEN(TRIM(I24))=0</formula>
    </cfRule>
  </conditionalFormatting>
  <conditionalFormatting sqref="I25:J25">
    <cfRule type="containsBlanks" dxfId="81" priority="3">
      <formula>LEN(TRIM(I25))=0</formula>
    </cfRule>
  </conditionalFormatting>
  <conditionalFormatting sqref="C20:D22">
    <cfRule type="containsBlanks" dxfId="80" priority="2">
      <formula>LEN(TRIM(C20))=0</formula>
    </cfRule>
  </conditionalFormatting>
  <conditionalFormatting sqref="C24:D26">
    <cfRule type="containsBlanks" dxfId="79" priority="1">
      <formula>LEN(TRIM(C24))=0</formula>
    </cfRule>
  </conditionalFormatting>
  <conditionalFormatting sqref="F21:G21">
    <cfRule type="containsBlanks" dxfId="78" priority="5">
      <formula>LEN(TRIM(F21))=0</formula>
    </cfRule>
  </conditionalFormatting>
  <printOptions horizontalCentered="1"/>
  <pageMargins left="0.55118110236220474" right="0.55118110236220474" top="0.59055118110236227" bottom="0.59055118110236227" header="0.51181102362204722" footer="0.51181102362204722"/>
  <pageSetup paperSize="9" scale="66" fitToHeight="0" orientation="landscape" r:id="rId1"/>
  <headerFooter alignWithMargins="0"/>
  <colBreaks count="1" manualBreakCount="1">
    <brk id="13" max="28" man="1"/>
  </colBreak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CE3C96C-260F-4A2D-8350-EAFB0A616E52}">
  <sheetPr>
    <tabColor theme="4" tint="0.79998168889431442"/>
    <pageSetUpPr fitToPage="1"/>
  </sheetPr>
  <dimension ref="A1:V38"/>
  <sheetViews>
    <sheetView showGridLines="0" zoomScale="90" zoomScaleNormal="90" workbookViewId="0">
      <selection activeCell="A12" sqref="A12:XFD12"/>
    </sheetView>
  </sheetViews>
  <sheetFormatPr defaultColWidth="9.140625" defaultRowHeight="12" x14ac:dyDescent="0.2"/>
  <cols>
    <col min="1" max="1" width="5" style="3" customWidth="1"/>
    <col min="2" max="2" width="29" style="3" customWidth="1"/>
    <col min="3" max="3" width="15.85546875" style="3" customWidth="1"/>
    <col min="4" max="4" width="16.42578125" style="4" customWidth="1"/>
    <col min="5" max="5" width="17" style="4" customWidth="1"/>
    <col min="6" max="6" width="15" style="2" customWidth="1"/>
    <col min="7" max="10" width="14.7109375" style="2" customWidth="1"/>
    <col min="11" max="11" width="14.7109375" style="5" customWidth="1"/>
    <col min="12" max="12" width="14.7109375" style="2" customWidth="1"/>
    <col min="13" max="13" width="15" style="2" customWidth="1"/>
    <col min="14" max="14" width="14.7109375" style="2" customWidth="1"/>
    <col min="15" max="16384" width="9.140625" style="2"/>
  </cols>
  <sheetData>
    <row r="1" spans="1:22" s="27" customFormat="1" ht="20.100000000000001" customHeight="1" x14ac:dyDescent="0.2">
      <c r="A1" s="122" t="s">
        <v>113</v>
      </c>
      <c r="B1" s="122"/>
      <c r="C1" s="122"/>
      <c r="D1" s="122"/>
      <c r="E1" s="122"/>
      <c r="F1" s="122"/>
      <c r="G1" s="122"/>
      <c r="H1" s="122"/>
      <c r="I1" s="122"/>
      <c r="J1" s="122"/>
      <c r="K1" s="122"/>
      <c r="L1" s="122"/>
      <c r="M1" s="122"/>
      <c r="N1" s="2"/>
      <c r="O1" s="2"/>
      <c r="P1" s="2"/>
      <c r="Q1" s="2"/>
      <c r="R1" s="2"/>
      <c r="S1" s="2"/>
      <c r="T1" s="2"/>
      <c r="U1" s="2"/>
      <c r="V1" s="26"/>
    </row>
    <row r="2" spans="1:22" ht="24.95" customHeight="1" x14ac:dyDescent="0.2">
      <c r="A2" s="16" t="s">
        <v>9</v>
      </c>
      <c r="B2" s="1"/>
      <c r="C2" s="10"/>
      <c r="D2" s="10"/>
      <c r="E2" s="10"/>
      <c r="F2" s="10"/>
      <c r="G2" s="10"/>
      <c r="H2" s="10"/>
      <c r="I2" s="10"/>
      <c r="J2" s="10"/>
      <c r="K2" s="10"/>
      <c r="L2" s="10"/>
    </row>
    <row r="3" spans="1:22" ht="24.95" customHeight="1" x14ac:dyDescent="0.2">
      <c r="A3" s="123" t="s">
        <v>105</v>
      </c>
      <c r="B3" s="123"/>
      <c r="C3" s="123"/>
      <c r="D3" s="123"/>
      <c r="E3" s="123"/>
      <c r="F3" s="123"/>
      <c r="G3" s="123"/>
      <c r="H3" s="123"/>
      <c r="I3" s="123"/>
      <c r="J3" s="123"/>
      <c r="K3" s="123"/>
      <c r="L3" s="123"/>
    </row>
    <row r="4" spans="1:22" ht="9.9499999999999993" customHeight="1" x14ac:dyDescent="0.2">
      <c r="A4" s="103"/>
      <c r="B4" s="103"/>
      <c r="C4" s="103"/>
      <c r="D4" s="103"/>
      <c r="E4" s="103"/>
      <c r="F4" s="103"/>
      <c r="G4" s="103"/>
      <c r="H4" s="103"/>
      <c r="I4" s="103"/>
      <c r="J4" s="103"/>
      <c r="K4" s="103"/>
      <c r="L4" s="103"/>
    </row>
    <row r="5" spans="1:22" ht="24.95" customHeight="1" x14ac:dyDescent="0.2">
      <c r="A5" s="123" t="s">
        <v>74</v>
      </c>
      <c r="B5" s="123"/>
      <c r="C5" s="123"/>
      <c r="D5" s="123"/>
      <c r="E5" s="123"/>
      <c r="F5" s="123"/>
      <c r="G5" s="123"/>
      <c r="H5" s="123"/>
      <c r="I5" s="123"/>
      <c r="J5" s="123"/>
      <c r="K5" s="123"/>
      <c r="L5" s="123"/>
    </row>
    <row r="6" spans="1:22" s="30" customFormat="1" ht="33" customHeight="1" x14ac:dyDescent="0.25">
      <c r="A6" s="124" t="s">
        <v>24</v>
      </c>
      <c r="B6" s="126" t="s">
        <v>25</v>
      </c>
      <c r="C6" s="124" t="s">
        <v>43</v>
      </c>
      <c r="D6" s="128" t="s">
        <v>49</v>
      </c>
      <c r="E6" s="130" t="s">
        <v>29</v>
      </c>
      <c r="F6" s="130" t="s">
        <v>30</v>
      </c>
      <c r="G6" s="130" t="s">
        <v>31</v>
      </c>
      <c r="H6" s="105" t="s">
        <v>32</v>
      </c>
      <c r="I6" s="132" t="s">
        <v>33</v>
      </c>
      <c r="J6" s="133"/>
      <c r="K6" s="133"/>
      <c r="L6" s="132" t="s">
        <v>44</v>
      </c>
      <c r="M6" s="134"/>
      <c r="O6" s="34"/>
      <c r="P6" s="34"/>
    </row>
    <row r="7" spans="1:22" s="30" customFormat="1" ht="33" customHeight="1" x14ac:dyDescent="0.25">
      <c r="A7" s="125"/>
      <c r="B7" s="127"/>
      <c r="C7" s="125"/>
      <c r="D7" s="129"/>
      <c r="E7" s="131"/>
      <c r="F7" s="131"/>
      <c r="G7" s="131"/>
      <c r="H7" s="104"/>
      <c r="I7" s="60" t="s">
        <v>26</v>
      </c>
      <c r="J7" s="61" t="s">
        <v>34</v>
      </c>
      <c r="K7" s="62" t="s">
        <v>28</v>
      </c>
      <c r="L7" s="63" t="s">
        <v>26</v>
      </c>
      <c r="M7" s="64" t="s">
        <v>28</v>
      </c>
      <c r="O7" s="34"/>
      <c r="P7" s="34"/>
    </row>
    <row r="8" spans="1:22" s="80" customFormat="1" ht="14.1" customHeight="1" x14ac:dyDescent="0.25">
      <c r="A8" s="93" t="s">
        <v>0</v>
      </c>
      <c r="B8" s="93" t="s">
        <v>12</v>
      </c>
      <c r="C8" s="93" t="s">
        <v>13</v>
      </c>
      <c r="D8" s="93" t="s">
        <v>14</v>
      </c>
      <c r="E8" s="91" t="s">
        <v>15</v>
      </c>
      <c r="F8" s="79" t="s">
        <v>16</v>
      </c>
      <c r="G8" s="79" t="s">
        <v>17</v>
      </c>
      <c r="H8" s="79" t="s">
        <v>18</v>
      </c>
      <c r="I8" s="79" t="s">
        <v>19</v>
      </c>
      <c r="J8" s="79" t="s">
        <v>35</v>
      </c>
      <c r="K8" s="79" t="s">
        <v>36</v>
      </c>
      <c r="L8" s="79" t="s">
        <v>37</v>
      </c>
      <c r="M8" s="79" t="s">
        <v>38</v>
      </c>
      <c r="O8" s="81"/>
      <c r="P8" s="81"/>
    </row>
    <row r="9" spans="1:22" s="31" customFormat="1" ht="35.1" customHeight="1" x14ac:dyDescent="0.25">
      <c r="A9" s="38" t="s">
        <v>0</v>
      </c>
      <c r="B9" s="39" t="s">
        <v>79</v>
      </c>
      <c r="C9" s="92" t="s">
        <v>46</v>
      </c>
      <c r="D9" s="98"/>
      <c r="E9" s="40"/>
      <c r="F9" s="40"/>
      <c r="G9" s="40"/>
      <c r="H9" s="41"/>
      <c r="I9" s="42"/>
      <c r="J9" s="43"/>
      <c r="K9" s="44"/>
      <c r="L9" s="45"/>
      <c r="M9" s="46"/>
      <c r="O9" s="37"/>
      <c r="P9" s="37"/>
    </row>
    <row r="10" spans="1:22" s="31" customFormat="1" ht="35.1" customHeight="1" thickBot="1" x14ac:dyDescent="0.3">
      <c r="A10" s="38" t="s">
        <v>12</v>
      </c>
      <c r="B10" s="39" t="s">
        <v>81</v>
      </c>
      <c r="C10" s="92" t="s">
        <v>46</v>
      </c>
      <c r="D10" s="98"/>
      <c r="E10" s="40"/>
      <c r="F10" s="40"/>
      <c r="G10" s="40"/>
      <c r="H10" s="41"/>
      <c r="I10" s="42"/>
      <c r="J10" s="43"/>
      <c r="K10" s="44"/>
      <c r="L10" s="45"/>
      <c r="M10" s="46"/>
      <c r="O10" s="37"/>
      <c r="P10" s="37"/>
    </row>
    <row r="11" spans="1:22" s="32" customFormat="1" ht="30" customHeight="1" thickBot="1" x14ac:dyDescent="0.3">
      <c r="A11" s="47"/>
      <c r="B11" s="48"/>
      <c r="C11" s="48"/>
      <c r="D11" s="48"/>
      <c r="E11" s="49"/>
      <c r="F11" s="49"/>
      <c r="G11" s="49"/>
      <c r="H11" s="49"/>
      <c r="I11" s="48"/>
      <c r="J11" s="48"/>
      <c r="K11" s="48"/>
      <c r="L11" s="78">
        <f>SUM(L9:L10)</f>
        <v>0</v>
      </c>
      <c r="M11" s="94">
        <f>SUM(M9:M10)</f>
        <v>0</v>
      </c>
      <c r="O11" s="50"/>
      <c r="P11" s="50"/>
    </row>
    <row r="12" spans="1:22" s="33" customFormat="1" ht="27.95" customHeight="1" x14ac:dyDescent="0.25">
      <c r="A12" s="135" t="s">
        <v>80</v>
      </c>
      <c r="B12" s="135"/>
      <c r="C12" s="135"/>
      <c r="D12" s="135"/>
      <c r="E12" s="135"/>
      <c r="F12" s="135"/>
      <c r="G12" s="135"/>
      <c r="H12" s="135"/>
      <c r="I12" s="135"/>
      <c r="J12" s="135"/>
      <c r="K12" s="135"/>
      <c r="L12" s="51"/>
      <c r="M12" s="51"/>
      <c r="N12" s="51"/>
      <c r="O12" s="51"/>
      <c r="P12" s="51"/>
    </row>
    <row r="13" spans="1:22" s="28" customFormat="1" ht="22.5" customHeight="1" x14ac:dyDescent="0.25">
      <c r="A13" s="136" t="s">
        <v>24</v>
      </c>
      <c r="B13" s="136" t="s">
        <v>39</v>
      </c>
      <c r="C13" s="136" t="s">
        <v>40</v>
      </c>
      <c r="D13" s="136" t="s">
        <v>30</v>
      </c>
      <c r="E13" s="136" t="s">
        <v>32</v>
      </c>
      <c r="F13" s="136" t="s">
        <v>41</v>
      </c>
      <c r="G13" s="136" t="s">
        <v>42</v>
      </c>
      <c r="H13" s="138" t="s">
        <v>45</v>
      </c>
      <c r="I13" s="139"/>
      <c r="J13" s="139"/>
      <c r="K13" s="140" t="s">
        <v>48</v>
      </c>
      <c r="L13" s="142"/>
      <c r="M13" s="142"/>
      <c r="N13" s="34"/>
      <c r="O13" s="34"/>
      <c r="P13" s="34"/>
    </row>
    <row r="14" spans="1:22" s="28" customFormat="1" ht="22.5" customHeight="1" x14ac:dyDescent="0.25">
      <c r="A14" s="137"/>
      <c r="B14" s="137"/>
      <c r="C14" s="137"/>
      <c r="D14" s="137"/>
      <c r="E14" s="137"/>
      <c r="F14" s="137"/>
      <c r="G14" s="137"/>
      <c r="H14" s="35" t="s">
        <v>26</v>
      </c>
      <c r="I14" s="36" t="s">
        <v>27</v>
      </c>
      <c r="J14" s="73" t="s">
        <v>28</v>
      </c>
      <c r="K14" s="141"/>
      <c r="L14" s="37"/>
      <c r="M14" s="37"/>
      <c r="N14" s="34"/>
      <c r="O14" s="34"/>
      <c r="P14" s="34"/>
    </row>
    <row r="15" spans="1:22" s="89" customFormat="1" ht="14.1" customHeight="1" x14ac:dyDescent="0.25">
      <c r="A15" s="82" t="s">
        <v>0</v>
      </c>
      <c r="B15" s="83" t="s">
        <v>12</v>
      </c>
      <c r="C15" s="83" t="s">
        <v>13</v>
      </c>
      <c r="D15" s="83" t="s">
        <v>14</v>
      </c>
      <c r="E15" s="90" t="s">
        <v>15</v>
      </c>
      <c r="F15" s="84" t="s">
        <v>16</v>
      </c>
      <c r="G15" s="79" t="s">
        <v>17</v>
      </c>
      <c r="H15" s="85" t="s">
        <v>18</v>
      </c>
      <c r="I15" s="86" t="s">
        <v>19</v>
      </c>
      <c r="J15" s="87" t="s">
        <v>35</v>
      </c>
      <c r="K15" s="88" t="s">
        <v>36</v>
      </c>
      <c r="L15" s="81"/>
      <c r="M15" s="81"/>
      <c r="N15" s="81"/>
      <c r="O15" s="81"/>
      <c r="P15" s="81"/>
    </row>
    <row r="16" spans="1:22" s="29" customFormat="1" ht="24" customHeight="1" x14ac:dyDescent="0.25">
      <c r="A16" s="67" t="s">
        <v>0</v>
      </c>
      <c r="B16" s="52"/>
      <c r="C16" s="53"/>
      <c r="D16" s="65"/>
      <c r="E16" s="65"/>
      <c r="F16" s="65"/>
      <c r="G16" s="65"/>
      <c r="H16" s="54"/>
      <c r="I16" s="55"/>
      <c r="J16" s="74"/>
      <c r="K16" s="143"/>
      <c r="L16" s="77"/>
      <c r="M16" s="77"/>
      <c r="N16" s="37"/>
      <c r="O16" s="37"/>
      <c r="P16" s="37"/>
    </row>
    <row r="17" spans="1:16" s="29" customFormat="1" ht="24" customHeight="1" x14ac:dyDescent="0.25">
      <c r="A17" s="66" t="s">
        <v>12</v>
      </c>
      <c r="B17" s="56"/>
      <c r="C17" s="57"/>
      <c r="D17" s="66"/>
      <c r="E17" s="66"/>
      <c r="F17" s="66"/>
      <c r="G17" s="67"/>
      <c r="H17" s="58"/>
      <c r="I17" s="59"/>
      <c r="J17" s="75"/>
      <c r="K17" s="144"/>
      <c r="L17" s="77"/>
      <c r="M17" s="77"/>
      <c r="N17" s="37"/>
      <c r="O17" s="37"/>
      <c r="P17" s="37"/>
    </row>
    <row r="18" spans="1:16" s="29" customFormat="1" ht="24" customHeight="1" x14ac:dyDescent="0.25">
      <c r="A18" s="68" t="s">
        <v>13</v>
      </c>
      <c r="B18" s="69"/>
      <c r="C18" s="70"/>
      <c r="D18" s="68"/>
      <c r="E18" s="68"/>
      <c r="F18" s="68"/>
      <c r="G18" s="68"/>
      <c r="H18" s="71"/>
      <c r="I18" s="72"/>
      <c r="J18" s="76"/>
      <c r="K18" s="145"/>
      <c r="L18" s="77"/>
      <c r="M18" s="77"/>
      <c r="N18" s="37"/>
      <c r="O18" s="37"/>
      <c r="P18" s="37"/>
    </row>
    <row r="19" spans="1:16" s="8" customFormat="1" ht="15.75" customHeight="1" x14ac:dyDescent="0.2">
      <c r="A19" s="6"/>
      <c r="B19" s="6"/>
      <c r="C19" s="6"/>
      <c r="D19" s="7"/>
      <c r="F19" s="9"/>
      <c r="G19" s="9"/>
      <c r="H19" s="9"/>
      <c r="I19" s="9"/>
      <c r="J19" s="17"/>
      <c r="K19" s="17"/>
      <c r="L19" s="17"/>
      <c r="M19" s="17"/>
    </row>
    <row r="20" spans="1:16" s="33" customFormat="1" ht="27.95" customHeight="1" x14ac:dyDescent="0.25">
      <c r="A20" s="135" t="s">
        <v>82</v>
      </c>
      <c r="B20" s="135"/>
      <c r="C20" s="135"/>
      <c r="D20" s="135"/>
      <c r="E20" s="135"/>
      <c r="F20" s="135"/>
      <c r="G20" s="135"/>
      <c r="H20" s="135"/>
      <c r="I20" s="135"/>
      <c r="J20" s="135"/>
      <c r="K20" s="135"/>
      <c r="L20" s="51"/>
      <c r="M20" s="51"/>
      <c r="N20" s="51"/>
      <c r="O20" s="51"/>
      <c r="P20" s="51"/>
    </row>
    <row r="21" spans="1:16" s="28" customFormat="1" ht="22.5" customHeight="1" x14ac:dyDescent="0.25">
      <c r="A21" s="136" t="s">
        <v>24</v>
      </c>
      <c r="B21" s="136" t="s">
        <v>39</v>
      </c>
      <c r="C21" s="136" t="s">
        <v>40</v>
      </c>
      <c r="D21" s="136" t="s">
        <v>30</v>
      </c>
      <c r="E21" s="136" t="s">
        <v>32</v>
      </c>
      <c r="F21" s="136" t="s">
        <v>41</v>
      </c>
      <c r="G21" s="136" t="s">
        <v>42</v>
      </c>
      <c r="H21" s="138" t="s">
        <v>45</v>
      </c>
      <c r="I21" s="139"/>
      <c r="J21" s="139"/>
      <c r="K21" s="140" t="s">
        <v>48</v>
      </c>
      <c r="L21" s="142"/>
      <c r="M21" s="142"/>
      <c r="N21" s="34"/>
      <c r="O21" s="34"/>
      <c r="P21" s="34"/>
    </row>
    <row r="22" spans="1:16" s="28" customFormat="1" ht="22.5" customHeight="1" x14ac:dyDescent="0.25">
      <c r="A22" s="137"/>
      <c r="B22" s="137"/>
      <c r="C22" s="137"/>
      <c r="D22" s="137"/>
      <c r="E22" s="137"/>
      <c r="F22" s="137"/>
      <c r="G22" s="137"/>
      <c r="H22" s="35" t="s">
        <v>26</v>
      </c>
      <c r="I22" s="36" t="s">
        <v>27</v>
      </c>
      <c r="J22" s="73" t="s">
        <v>28</v>
      </c>
      <c r="K22" s="141"/>
      <c r="L22" s="37"/>
      <c r="M22" s="37"/>
      <c r="N22" s="34"/>
      <c r="O22" s="34"/>
      <c r="P22" s="34"/>
    </row>
    <row r="23" spans="1:16" s="89" customFormat="1" ht="14.1" customHeight="1" x14ac:dyDescent="0.25">
      <c r="A23" s="82" t="s">
        <v>0</v>
      </c>
      <c r="B23" s="83" t="s">
        <v>12</v>
      </c>
      <c r="C23" s="83" t="s">
        <v>13</v>
      </c>
      <c r="D23" s="83" t="s">
        <v>14</v>
      </c>
      <c r="E23" s="90" t="s">
        <v>15</v>
      </c>
      <c r="F23" s="84" t="s">
        <v>16</v>
      </c>
      <c r="G23" s="79" t="s">
        <v>17</v>
      </c>
      <c r="H23" s="85" t="s">
        <v>18</v>
      </c>
      <c r="I23" s="86" t="s">
        <v>19</v>
      </c>
      <c r="J23" s="87" t="s">
        <v>35</v>
      </c>
      <c r="K23" s="88" t="s">
        <v>36</v>
      </c>
      <c r="L23" s="81"/>
      <c r="M23" s="81"/>
      <c r="N23" s="81"/>
      <c r="O23" s="81"/>
      <c r="P23" s="81"/>
    </row>
    <row r="24" spans="1:16" s="29" customFormat="1" ht="24" customHeight="1" x14ac:dyDescent="0.25">
      <c r="A24" s="67" t="s">
        <v>0</v>
      </c>
      <c r="B24" s="52"/>
      <c r="C24" s="53"/>
      <c r="D24" s="65"/>
      <c r="E24" s="65"/>
      <c r="F24" s="65"/>
      <c r="G24" s="65"/>
      <c r="H24" s="54"/>
      <c r="I24" s="55"/>
      <c r="J24" s="74"/>
      <c r="K24" s="143"/>
      <c r="L24" s="77"/>
      <c r="M24" s="77"/>
      <c r="N24" s="37"/>
      <c r="O24" s="37"/>
      <c r="P24" s="37"/>
    </row>
    <row r="25" spans="1:16" s="29" customFormat="1" ht="24" customHeight="1" x14ac:dyDescent="0.25">
      <c r="A25" s="66" t="s">
        <v>12</v>
      </c>
      <c r="B25" s="56"/>
      <c r="C25" s="57"/>
      <c r="D25" s="66"/>
      <c r="E25" s="66"/>
      <c r="F25" s="66"/>
      <c r="G25" s="67"/>
      <c r="H25" s="58"/>
      <c r="I25" s="59"/>
      <c r="J25" s="75"/>
      <c r="K25" s="144"/>
      <c r="L25" s="77"/>
      <c r="M25" s="77"/>
      <c r="N25" s="37"/>
      <c r="O25" s="37"/>
      <c r="P25" s="37"/>
    </row>
    <row r="26" spans="1:16" s="29" customFormat="1" ht="24" customHeight="1" x14ac:dyDescent="0.25">
      <c r="A26" s="68" t="s">
        <v>13</v>
      </c>
      <c r="B26" s="69"/>
      <c r="C26" s="70"/>
      <c r="D26" s="68"/>
      <c r="E26" s="68"/>
      <c r="F26" s="68"/>
      <c r="G26" s="68"/>
      <c r="H26" s="71"/>
      <c r="I26" s="72"/>
      <c r="J26" s="76"/>
      <c r="K26" s="145"/>
      <c r="L26" s="77"/>
      <c r="M26" s="77"/>
      <c r="N26" s="37"/>
      <c r="O26" s="37"/>
      <c r="P26" s="37"/>
    </row>
    <row r="27" spans="1:16" s="8" customFormat="1" ht="15.75" customHeight="1" x14ac:dyDescent="0.2">
      <c r="A27" s="6"/>
      <c r="B27" s="6"/>
      <c r="C27" s="6"/>
      <c r="D27" s="7"/>
      <c r="F27" s="9"/>
      <c r="G27" s="9"/>
      <c r="H27" s="9"/>
      <c r="I27" s="9"/>
      <c r="J27" s="17"/>
      <c r="K27" s="17"/>
      <c r="L27" s="17"/>
      <c r="M27" s="17"/>
    </row>
    <row r="28" spans="1:16" s="8" customFormat="1" ht="15.75" customHeight="1" x14ac:dyDescent="0.2">
      <c r="A28" s="6"/>
      <c r="B28" s="6"/>
      <c r="C28" s="6"/>
      <c r="D28" s="7"/>
      <c r="F28" s="9"/>
      <c r="G28" s="9"/>
      <c r="H28" s="9"/>
      <c r="I28" s="9"/>
      <c r="J28" s="17"/>
      <c r="K28" s="17"/>
      <c r="L28" s="17"/>
      <c r="M28" s="17"/>
    </row>
    <row r="29" spans="1:16" s="11" customFormat="1" ht="20.100000000000001" customHeight="1" x14ac:dyDescent="0.25">
      <c r="A29" s="11" t="s">
        <v>3</v>
      </c>
      <c r="C29" s="135"/>
      <c r="D29" s="135"/>
      <c r="E29" s="99" t="s">
        <v>2</v>
      </c>
      <c r="F29" s="117"/>
      <c r="G29" s="117"/>
      <c r="K29" s="17"/>
      <c r="L29" s="17"/>
    </row>
    <row r="30" spans="1:16" s="11" customFormat="1" ht="20.100000000000001" customHeight="1" x14ac:dyDescent="0.25">
      <c r="A30" s="11" t="s">
        <v>4</v>
      </c>
      <c r="C30" s="117"/>
      <c r="D30" s="117"/>
      <c r="E30" s="99" t="s">
        <v>1</v>
      </c>
      <c r="F30" s="118"/>
      <c r="G30" s="118"/>
      <c r="K30" s="14"/>
      <c r="L30" s="15"/>
    </row>
    <row r="31" spans="1:16" s="11" customFormat="1" ht="20.100000000000001" customHeight="1" x14ac:dyDescent="0.2">
      <c r="A31" s="11" t="s">
        <v>5</v>
      </c>
      <c r="C31" s="117"/>
      <c r="D31" s="117"/>
      <c r="E31" s="13"/>
      <c r="H31" s="18" t="s">
        <v>20</v>
      </c>
      <c r="I31" s="119"/>
      <c r="J31" s="119"/>
      <c r="L31" s="15"/>
    </row>
    <row r="32" spans="1:16" s="11" customFormat="1" ht="20.100000000000001" customHeight="1" x14ac:dyDescent="0.2">
      <c r="D32" s="12"/>
      <c r="H32" s="19"/>
      <c r="I32" s="20"/>
      <c r="J32" s="20"/>
      <c r="L32" s="15"/>
    </row>
    <row r="33" spans="1:13" s="11" customFormat="1" ht="20.100000000000001" customHeight="1" x14ac:dyDescent="0.25">
      <c r="A33" s="11" t="s">
        <v>6</v>
      </c>
      <c r="C33" s="135"/>
      <c r="D33" s="135"/>
      <c r="H33" s="21" t="s">
        <v>21</v>
      </c>
      <c r="I33" s="120"/>
      <c r="J33" s="120"/>
      <c r="L33" s="15"/>
    </row>
    <row r="34" spans="1:13" s="11" customFormat="1" ht="20.100000000000001" customHeight="1" x14ac:dyDescent="0.25">
      <c r="A34" s="11" t="s">
        <v>7</v>
      </c>
      <c r="C34" s="117"/>
      <c r="D34" s="117"/>
      <c r="E34" s="13"/>
      <c r="H34" s="21" t="s">
        <v>22</v>
      </c>
      <c r="I34" s="121"/>
      <c r="J34" s="121"/>
      <c r="L34" s="15"/>
    </row>
    <row r="35" spans="1:13" s="11" customFormat="1" ht="20.100000000000001" customHeight="1" x14ac:dyDescent="0.25">
      <c r="A35" s="11" t="s">
        <v>8</v>
      </c>
      <c r="C35" s="117"/>
      <c r="D35" s="117"/>
      <c r="E35" s="13"/>
      <c r="H35" s="22" t="s">
        <v>23</v>
      </c>
      <c r="I35" s="23"/>
      <c r="J35" s="23"/>
    </row>
    <row r="36" spans="1:13" s="11" customFormat="1" ht="20.100000000000001" customHeight="1" x14ac:dyDescent="0.25">
      <c r="A36" s="12"/>
      <c r="B36" s="12"/>
      <c r="C36" s="12"/>
      <c r="D36" s="13"/>
      <c r="E36" s="13"/>
    </row>
    <row r="37" spans="1:13" s="11" customFormat="1" ht="20.100000000000001" customHeight="1" x14ac:dyDescent="0.2">
      <c r="A37" s="146" t="s">
        <v>10</v>
      </c>
      <c r="B37" s="146"/>
      <c r="C37" s="12"/>
      <c r="D37" s="13"/>
      <c r="E37" s="13"/>
    </row>
    <row r="38" spans="1:13" s="8" customFormat="1" ht="20.100000000000001" customHeight="1" x14ac:dyDescent="0.2">
      <c r="A38" s="24"/>
      <c r="B38" s="25" t="s">
        <v>11</v>
      </c>
      <c r="D38" s="7"/>
      <c r="E38" s="7"/>
      <c r="F38" s="9"/>
      <c r="M38" s="6"/>
    </row>
  </sheetData>
  <mergeCells count="48">
    <mergeCell ref="L21:M21"/>
    <mergeCell ref="K24:K26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2:K12"/>
    <mergeCell ref="A13:A14"/>
    <mergeCell ref="B13:B14"/>
    <mergeCell ref="C13:C14"/>
    <mergeCell ref="D13:D14"/>
    <mergeCell ref="E13:E14"/>
    <mergeCell ref="F13:F14"/>
    <mergeCell ref="G13:G14"/>
    <mergeCell ref="H13:J13"/>
    <mergeCell ref="K13:K14"/>
    <mergeCell ref="L13:M13"/>
    <mergeCell ref="K16:K18"/>
    <mergeCell ref="C29:D29"/>
    <mergeCell ref="F29:G29"/>
    <mergeCell ref="A20:K20"/>
    <mergeCell ref="A21:A22"/>
    <mergeCell ref="B21:B22"/>
    <mergeCell ref="C21:C22"/>
    <mergeCell ref="D21:D22"/>
    <mergeCell ref="E21:E22"/>
    <mergeCell ref="F21:F22"/>
    <mergeCell ref="G21:G22"/>
    <mergeCell ref="H21:J21"/>
    <mergeCell ref="K21:K22"/>
    <mergeCell ref="C34:D34"/>
    <mergeCell ref="I34:J34"/>
    <mergeCell ref="C35:D35"/>
    <mergeCell ref="A37:B37"/>
    <mergeCell ref="C30:D30"/>
    <mergeCell ref="F30:G30"/>
    <mergeCell ref="C31:D31"/>
    <mergeCell ref="I31:J31"/>
    <mergeCell ref="C33:D33"/>
    <mergeCell ref="I33:J33"/>
  </mergeCells>
  <conditionalFormatting sqref="F29:G29">
    <cfRule type="containsBlanks" dxfId="29" priority="6">
      <formula>LEN(TRIM(F29))=0</formula>
    </cfRule>
  </conditionalFormatting>
  <conditionalFormatting sqref="I33:J33">
    <cfRule type="containsBlanks" dxfId="28" priority="4">
      <formula>LEN(TRIM(I33))=0</formula>
    </cfRule>
  </conditionalFormatting>
  <conditionalFormatting sqref="I34:J34">
    <cfRule type="containsBlanks" dxfId="27" priority="3">
      <formula>LEN(TRIM(I34))=0</formula>
    </cfRule>
  </conditionalFormatting>
  <conditionalFormatting sqref="C29:D31">
    <cfRule type="containsBlanks" dxfId="26" priority="2">
      <formula>LEN(TRIM(C29))=0</formula>
    </cfRule>
  </conditionalFormatting>
  <conditionalFormatting sqref="C33:D35">
    <cfRule type="containsBlanks" dxfId="25" priority="1">
      <formula>LEN(TRIM(C33))=0</formula>
    </cfRule>
  </conditionalFormatting>
  <conditionalFormatting sqref="F30:G30">
    <cfRule type="containsBlanks" dxfId="24" priority="5">
      <formula>LEN(TRIM(F30))=0</formula>
    </cfRule>
  </conditionalFormatting>
  <printOptions horizontalCentered="1"/>
  <pageMargins left="0.55118110236220474" right="0.55118110236220474" top="0.51181102362204722" bottom="0.51181102362204722" header="0.51181102362204722" footer="0.51181102362204722"/>
  <pageSetup paperSize="9" scale="66" fitToHeight="0" orientation="landscape" r:id="rId1"/>
  <headerFooter alignWithMargins="0"/>
  <colBreaks count="1" manualBreakCount="1">
    <brk id="13" max="28" man="1"/>
  </col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DACDD8A-FE02-4F4F-B2C9-4156A4A7EE0F}">
  <sheetPr>
    <tabColor theme="4" tint="0.79998168889431442"/>
    <pageSetUpPr fitToPage="1"/>
  </sheetPr>
  <dimension ref="A1:V56"/>
  <sheetViews>
    <sheetView showGridLines="0" topLeftCell="A25" zoomScale="90" zoomScaleNormal="90" workbookViewId="0">
      <selection sqref="A1:XFD1"/>
    </sheetView>
  </sheetViews>
  <sheetFormatPr defaultColWidth="9.140625" defaultRowHeight="12" x14ac:dyDescent="0.2"/>
  <cols>
    <col min="1" max="1" width="5" style="3" customWidth="1"/>
    <col min="2" max="2" width="29" style="3" customWidth="1"/>
    <col min="3" max="3" width="15.85546875" style="3" customWidth="1"/>
    <col min="4" max="4" width="16.42578125" style="4" customWidth="1"/>
    <col min="5" max="5" width="17" style="4" customWidth="1"/>
    <col min="6" max="6" width="15" style="2" customWidth="1"/>
    <col min="7" max="10" width="14.7109375" style="2" customWidth="1"/>
    <col min="11" max="11" width="14.7109375" style="5" customWidth="1"/>
    <col min="12" max="12" width="14.7109375" style="2" customWidth="1"/>
    <col min="13" max="13" width="15" style="2" customWidth="1"/>
    <col min="14" max="14" width="14.7109375" style="2" customWidth="1"/>
    <col min="15" max="16384" width="9.140625" style="2"/>
  </cols>
  <sheetData>
    <row r="1" spans="1:22" s="27" customFormat="1" ht="20.100000000000001" customHeight="1" x14ac:dyDescent="0.2">
      <c r="A1" s="122" t="s">
        <v>113</v>
      </c>
      <c r="B1" s="122"/>
      <c r="C1" s="122"/>
      <c r="D1" s="122"/>
      <c r="E1" s="122"/>
      <c r="F1" s="122"/>
      <c r="G1" s="122"/>
      <c r="H1" s="122"/>
      <c r="I1" s="122"/>
      <c r="J1" s="122"/>
      <c r="K1" s="122"/>
      <c r="L1" s="122"/>
      <c r="M1" s="122"/>
      <c r="N1" s="2"/>
      <c r="O1" s="2"/>
      <c r="P1" s="2"/>
      <c r="Q1" s="2"/>
      <c r="R1" s="2"/>
      <c r="S1" s="2"/>
      <c r="T1" s="2"/>
      <c r="U1" s="2"/>
      <c r="V1" s="26"/>
    </row>
    <row r="2" spans="1:22" ht="24.95" customHeight="1" x14ac:dyDescent="0.2">
      <c r="A2" s="16" t="s">
        <v>9</v>
      </c>
      <c r="B2" s="1"/>
      <c r="C2" s="10"/>
      <c r="D2" s="10"/>
      <c r="E2" s="10"/>
      <c r="F2" s="10"/>
      <c r="G2" s="10"/>
      <c r="H2" s="10"/>
      <c r="I2" s="10"/>
      <c r="J2" s="10"/>
      <c r="K2" s="10"/>
      <c r="L2" s="10"/>
    </row>
    <row r="3" spans="1:22" ht="24.95" customHeight="1" x14ac:dyDescent="0.2">
      <c r="A3" s="123" t="s">
        <v>105</v>
      </c>
      <c r="B3" s="123"/>
      <c r="C3" s="123"/>
      <c r="D3" s="123"/>
      <c r="E3" s="123"/>
      <c r="F3" s="123"/>
      <c r="G3" s="123"/>
      <c r="H3" s="123"/>
      <c r="I3" s="123"/>
      <c r="J3" s="123"/>
      <c r="K3" s="123"/>
      <c r="L3" s="123"/>
    </row>
    <row r="4" spans="1:22" ht="14.25" customHeight="1" x14ac:dyDescent="0.2">
      <c r="A4" s="106"/>
      <c r="B4" s="106"/>
      <c r="C4" s="106"/>
      <c r="D4" s="106"/>
      <c r="E4" s="106"/>
      <c r="F4" s="106"/>
      <c r="G4" s="106"/>
      <c r="H4" s="106"/>
      <c r="I4" s="106"/>
      <c r="J4" s="106"/>
      <c r="K4" s="106"/>
      <c r="L4" s="106"/>
    </row>
    <row r="5" spans="1:22" ht="24.95" customHeight="1" x14ac:dyDescent="0.2">
      <c r="A5" s="123" t="s">
        <v>91</v>
      </c>
      <c r="B5" s="123"/>
      <c r="C5" s="123"/>
      <c r="D5" s="123"/>
      <c r="E5" s="123"/>
      <c r="F5" s="123"/>
      <c r="G5" s="123"/>
      <c r="H5" s="123"/>
      <c r="I5" s="123"/>
      <c r="J5" s="123"/>
      <c r="K5" s="123"/>
      <c r="L5" s="123"/>
    </row>
    <row r="6" spans="1:22" s="30" customFormat="1" ht="33" customHeight="1" x14ac:dyDescent="0.25">
      <c r="A6" s="124" t="s">
        <v>24</v>
      </c>
      <c r="B6" s="126" t="s">
        <v>25</v>
      </c>
      <c r="C6" s="124" t="s">
        <v>43</v>
      </c>
      <c r="D6" s="128" t="s">
        <v>49</v>
      </c>
      <c r="E6" s="130" t="s">
        <v>29</v>
      </c>
      <c r="F6" s="130" t="s">
        <v>30</v>
      </c>
      <c r="G6" s="130" t="s">
        <v>31</v>
      </c>
      <c r="H6" s="108" t="s">
        <v>32</v>
      </c>
      <c r="I6" s="132" t="s">
        <v>33</v>
      </c>
      <c r="J6" s="133"/>
      <c r="K6" s="133"/>
      <c r="L6" s="132" t="s">
        <v>44</v>
      </c>
      <c r="M6" s="134"/>
      <c r="O6" s="34"/>
      <c r="P6" s="34"/>
    </row>
    <row r="7" spans="1:22" s="30" customFormat="1" ht="33" customHeight="1" x14ac:dyDescent="0.25">
      <c r="A7" s="125"/>
      <c r="B7" s="127"/>
      <c r="C7" s="125"/>
      <c r="D7" s="129"/>
      <c r="E7" s="131"/>
      <c r="F7" s="131"/>
      <c r="G7" s="131"/>
      <c r="H7" s="107"/>
      <c r="I7" s="60" t="s">
        <v>26</v>
      </c>
      <c r="J7" s="61" t="s">
        <v>34</v>
      </c>
      <c r="K7" s="62" t="s">
        <v>28</v>
      </c>
      <c r="L7" s="63" t="s">
        <v>26</v>
      </c>
      <c r="M7" s="64" t="s">
        <v>28</v>
      </c>
      <c r="O7" s="34"/>
      <c r="P7" s="34"/>
    </row>
    <row r="8" spans="1:22" s="80" customFormat="1" ht="14.1" customHeight="1" x14ac:dyDescent="0.25">
      <c r="A8" s="93" t="s">
        <v>0</v>
      </c>
      <c r="B8" s="93" t="s">
        <v>12</v>
      </c>
      <c r="C8" s="93" t="s">
        <v>13</v>
      </c>
      <c r="D8" s="93" t="s">
        <v>14</v>
      </c>
      <c r="E8" s="91" t="s">
        <v>15</v>
      </c>
      <c r="F8" s="79" t="s">
        <v>16</v>
      </c>
      <c r="G8" s="79" t="s">
        <v>17</v>
      </c>
      <c r="H8" s="79" t="s">
        <v>18</v>
      </c>
      <c r="I8" s="79" t="s">
        <v>19</v>
      </c>
      <c r="J8" s="79" t="s">
        <v>35</v>
      </c>
      <c r="K8" s="79" t="s">
        <v>36</v>
      </c>
      <c r="L8" s="79" t="s">
        <v>37</v>
      </c>
      <c r="M8" s="79" t="s">
        <v>38</v>
      </c>
      <c r="O8" s="81"/>
      <c r="P8" s="81"/>
    </row>
    <row r="9" spans="1:22" s="31" customFormat="1" ht="39.75" customHeight="1" x14ac:dyDescent="0.25">
      <c r="A9" s="38" t="s">
        <v>0</v>
      </c>
      <c r="B9" s="39" t="s">
        <v>83</v>
      </c>
      <c r="C9" s="92" t="s">
        <v>46</v>
      </c>
      <c r="D9" s="98"/>
      <c r="E9" s="40"/>
      <c r="F9" s="40"/>
      <c r="G9" s="40"/>
      <c r="H9" s="41"/>
      <c r="I9" s="42"/>
      <c r="J9" s="43"/>
      <c r="K9" s="44"/>
      <c r="L9" s="45"/>
      <c r="M9" s="46"/>
      <c r="O9" s="37"/>
      <c r="P9" s="37"/>
    </row>
    <row r="10" spans="1:22" s="31" customFormat="1" ht="39.75" customHeight="1" x14ac:dyDescent="0.25">
      <c r="A10" s="38" t="s">
        <v>12</v>
      </c>
      <c r="B10" s="39" t="s">
        <v>85</v>
      </c>
      <c r="C10" s="92" t="s">
        <v>46</v>
      </c>
      <c r="D10" s="98"/>
      <c r="E10" s="40"/>
      <c r="F10" s="40"/>
      <c r="G10" s="40"/>
      <c r="H10" s="41"/>
      <c r="I10" s="42"/>
      <c r="J10" s="43"/>
      <c r="K10" s="44"/>
      <c r="L10" s="45"/>
      <c r="M10" s="46"/>
      <c r="O10" s="37"/>
      <c r="P10" s="37"/>
    </row>
    <row r="11" spans="1:22" s="31" customFormat="1" ht="39.75" customHeight="1" x14ac:dyDescent="0.25">
      <c r="A11" s="38" t="s">
        <v>13</v>
      </c>
      <c r="B11" s="39" t="s">
        <v>87</v>
      </c>
      <c r="C11" s="92" t="s">
        <v>46</v>
      </c>
      <c r="D11" s="98"/>
      <c r="E11" s="40"/>
      <c r="F11" s="40"/>
      <c r="G11" s="40"/>
      <c r="H11" s="41"/>
      <c r="I11" s="42"/>
      <c r="J11" s="43"/>
      <c r="K11" s="44"/>
      <c r="L11" s="45"/>
      <c r="M11" s="46"/>
      <c r="O11" s="37"/>
      <c r="P11" s="37"/>
    </row>
    <row r="12" spans="1:22" s="31" customFormat="1" ht="39.75" customHeight="1" thickBot="1" x14ac:dyDescent="0.3">
      <c r="A12" s="38" t="s">
        <v>14</v>
      </c>
      <c r="B12" s="39" t="s">
        <v>89</v>
      </c>
      <c r="C12" s="92" t="s">
        <v>46</v>
      </c>
      <c r="D12" s="98"/>
      <c r="E12" s="40"/>
      <c r="F12" s="40"/>
      <c r="G12" s="40"/>
      <c r="H12" s="41"/>
      <c r="I12" s="42"/>
      <c r="J12" s="43"/>
      <c r="K12" s="44"/>
      <c r="L12" s="45"/>
      <c r="M12" s="46"/>
      <c r="O12" s="37"/>
      <c r="P12" s="37"/>
    </row>
    <row r="13" spans="1:22" s="32" customFormat="1" ht="33" customHeight="1" thickBot="1" x14ac:dyDescent="0.3">
      <c r="A13" s="47"/>
      <c r="B13" s="48"/>
      <c r="C13" s="48"/>
      <c r="D13" s="48"/>
      <c r="E13" s="49"/>
      <c r="F13" s="49"/>
      <c r="G13" s="49"/>
      <c r="H13" s="49"/>
      <c r="I13" s="48"/>
      <c r="J13" s="48"/>
      <c r="K13" s="48"/>
      <c r="L13" s="78">
        <f>SUM(L9:L12)</f>
        <v>0</v>
      </c>
      <c r="M13" s="94">
        <f>SUM(M9:M12)</f>
        <v>0</v>
      </c>
      <c r="O13" s="50"/>
      <c r="P13" s="50"/>
    </row>
    <row r="14" spans="1:22" s="33" customFormat="1" ht="29.25" customHeight="1" x14ac:dyDescent="0.25">
      <c r="A14" s="135" t="s">
        <v>84</v>
      </c>
      <c r="B14" s="135"/>
      <c r="C14" s="135"/>
      <c r="D14" s="135"/>
      <c r="E14" s="135"/>
      <c r="F14" s="135"/>
      <c r="G14" s="135"/>
      <c r="H14" s="135"/>
      <c r="I14" s="135"/>
      <c r="J14" s="135"/>
      <c r="K14" s="135"/>
      <c r="L14" s="51"/>
      <c r="M14" s="51"/>
      <c r="N14" s="51"/>
      <c r="O14" s="51"/>
      <c r="P14" s="51"/>
    </row>
    <row r="15" spans="1:22" s="28" customFormat="1" ht="22.5" customHeight="1" x14ac:dyDescent="0.25">
      <c r="A15" s="136" t="s">
        <v>24</v>
      </c>
      <c r="B15" s="136" t="s">
        <v>39</v>
      </c>
      <c r="C15" s="136" t="s">
        <v>40</v>
      </c>
      <c r="D15" s="136" t="s">
        <v>30</v>
      </c>
      <c r="E15" s="136" t="s">
        <v>32</v>
      </c>
      <c r="F15" s="136" t="s">
        <v>41</v>
      </c>
      <c r="G15" s="136" t="s">
        <v>42</v>
      </c>
      <c r="H15" s="138" t="s">
        <v>45</v>
      </c>
      <c r="I15" s="139"/>
      <c r="J15" s="139"/>
      <c r="K15" s="140" t="s">
        <v>48</v>
      </c>
      <c r="L15" s="142"/>
      <c r="M15" s="142"/>
      <c r="N15" s="34"/>
      <c r="O15" s="34"/>
      <c r="P15" s="34"/>
    </row>
    <row r="16" spans="1:22" s="28" customFormat="1" ht="22.5" customHeight="1" x14ac:dyDescent="0.25">
      <c r="A16" s="137"/>
      <c r="B16" s="137"/>
      <c r="C16" s="137"/>
      <c r="D16" s="137"/>
      <c r="E16" s="137"/>
      <c r="F16" s="137"/>
      <c r="G16" s="137"/>
      <c r="H16" s="35" t="s">
        <v>26</v>
      </c>
      <c r="I16" s="36" t="s">
        <v>27</v>
      </c>
      <c r="J16" s="73" t="s">
        <v>28</v>
      </c>
      <c r="K16" s="141"/>
      <c r="L16" s="37"/>
      <c r="M16" s="37"/>
      <c r="N16" s="34"/>
      <c r="O16" s="34"/>
      <c r="P16" s="34"/>
    </row>
    <row r="17" spans="1:16" s="89" customFormat="1" ht="14.1" customHeight="1" x14ac:dyDescent="0.25">
      <c r="A17" s="82" t="s">
        <v>0</v>
      </c>
      <c r="B17" s="83" t="s">
        <v>12</v>
      </c>
      <c r="C17" s="83" t="s">
        <v>13</v>
      </c>
      <c r="D17" s="83" t="s">
        <v>14</v>
      </c>
      <c r="E17" s="90" t="s">
        <v>15</v>
      </c>
      <c r="F17" s="84" t="s">
        <v>16</v>
      </c>
      <c r="G17" s="79" t="s">
        <v>17</v>
      </c>
      <c r="H17" s="85" t="s">
        <v>18</v>
      </c>
      <c r="I17" s="86" t="s">
        <v>19</v>
      </c>
      <c r="J17" s="87" t="s">
        <v>35</v>
      </c>
      <c r="K17" s="88" t="s">
        <v>36</v>
      </c>
      <c r="L17" s="81"/>
      <c r="M17" s="81"/>
      <c r="N17" s="81"/>
      <c r="O17" s="81"/>
      <c r="P17" s="81"/>
    </row>
    <row r="18" spans="1:16" s="29" customFormat="1" ht="24.95" customHeight="1" x14ac:dyDescent="0.25">
      <c r="A18" s="67" t="s">
        <v>0</v>
      </c>
      <c r="B18" s="52"/>
      <c r="C18" s="53"/>
      <c r="D18" s="65"/>
      <c r="E18" s="65"/>
      <c r="F18" s="65"/>
      <c r="G18" s="65"/>
      <c r="H18" s="54"/>
      <c r="I18" s="55"/>
      <c r="J18" s="74"/>
      <c r="K18" s="143"/>
      <c r="L18" s="77"/>
      <c r="M18" s="77"/>
      <c r="N18" s="37"/>
      <c r="O18" s="37"/>
      <c r="P18" s="37"/>
    </row>
    <row r="19" spans="1:16" s="29" customFormat="1" ht="24.95" customHeight="1" x14ac:dyDescent="0.25">
      <c r="A19" s="66" t="s">
        <v>12</v>
      </c>
      <c r="B19" s="56"/>
      <c r="C19" s="57"/>
      <c r="D19" s="66"/>
      <c r="E19" s="66"/>
      <c r="F19" s="66"/>
      <c r="G19" s="67"/>
      <c r="H19" s="58"/>
      <c r="I19" s="59"/>
      <c r="J19" s="75"/>
      <c r="K19" s="144"/>
      <c r="L19" s="77"/>
      <c r="M19" s="77"/>
      <c r="N19" s="37"/>
      <c r="O19" s="37"/>
      <c r="P19" s="37"/>
    </row>
    <row r="20" spans="1:16" s="29" customFormat="1" ht="24.95" customHeight="1" x14ac:dyDescent="0.25">
      <c r="A20" s="68" t="s">
        <v>13</v>
      </c>
      <c r="B20" s="69"/>
      <c r="C20" s="70"/>
      <c r="D20" s="68"/>
      <c r="E20" s="68"/>
      <c r="F20" s="68"/>
      <c r="G20" s="68"/>
      <c r="H20" s="71"/>
      <c r="I20" s="72"/>
      <c r="J20" s="76"/>
      <c r="K20" s="145"/>
      <c r="L20" s="77"/>
      <c r="M20" s="77"/>
      <c r="N20" s="37"/>
      <c r="O20" s="37"/>
      <c r="P20" s="37"/>
    </row>
    <row r="21" spans="1:16" s="8" customFormat="1" ht="15.75" customHeight="1" x14ac:dyDescent="0.2">
      <c r="A21" s="6"/>
      <c r="B21" s="6"/>
      <c r="C21" s="6"/>
      <c r="D21" s="7"/>
      <c r="F21" s="9"/>
      <c r="G21" s="9"/>
      <c r="H21" s="9"/>
      <c r="I21" s="9"/>
      <c r="J21" s="17"/>
      <c r="K21" s="17"/>
      <c r="L21" s="17"/>
      <c r="M21" s="17"/>
    </row>
    <row r="22" spans="1:16" s="33" customFormat="1" ht="29.25" customHeight="1" x14ac:dyDescent="0.25">
      <c r="A22" s="135" t="s">
        <v>86</v>
      </c>
      <c r="B22" s="135"/>
      <c r="C22" s="135"/>
      <c r="D22" s="135"/>
      <c r="E22" s="135"/>
      <c r="F22" s="135"/>
      <c r="G22" s="135"/>
      <c r="H22" s="135"/>
      <c r="I22" s="135"/>
      <c r="J22" s="135"/>
      <c r="K22" s="135"/>
      <c r="L22" s="51"/>
      <c r="M22" s="51"/>
      <c r="N22" s="51"/>
      <c r="O22" s="51"/>
      <c r="P22" s="51"/>
    </row>
    <row r="23" spans="1:16" s="28" customFormat="1" ht="22.5" customHeight="1" x14ac:dyDescent="0.25">
      <c r="A23" s="136" t="s">
        <v>24</v>
      </c>
      <c r="B23" s="136" t="s">
        <v>39</v>
      </c>
      <c r="C23" s="136" t="s">
        <v>40</v>
      </c>
      <c r="D23" s="136" t="s">
        <v>30</v>
      </c>
      <c r="E23" s="136" t="s">
        <v>32</v>
      </c>
      <c r="F23" s="136" t="s">
        <v>41</v>
      </c>
      <c r="G23" s="136" t="s">
        <v>42</v>
      </c>
      <c r="H23" s="138" t="s">
        <v>45</v>
      </c>
      <c r="I23" s="139"/>
      <c r="J23" s="139"/>
      <c r="K23" s="140" t="s">
        <v>48</v>
      </c>
      <c r="L23" s="142"/>
      <c r="M23" s="142"/>
      <c r="N23" s="34"/>
      <c r="O23" s="34"/>
      <c r="P23" s="34"/>
    </row>
    <row r="24" spans="1:16" s="28" customFormat="1" ht="22.5" customHeight="1" x14ac:dyDescent="0.25">
      <c r="A24" s="137"/>
      <c r="B24" s="137"/>
      <c r="C24" s="137"/>
      <c r="D24" s="137"/>
      <c r="E24" s="137"/>
      <c r="F24" s="137"/>
      <c r="G24" s="137"/>
      <c r="H24" s="35" t="s">
        <v>26</v>
      </c>
      <c r="I24" s="36" t="s">
        <v>27</v>
      </c>
      <c r="J24" s="73" t="s">
        <v>28</v>
      </c>
      <c r="K24" s="141"/>
      <c r="L24" s="37"/>
      <c r="M24" s="37"/>
      <c r="N24" s="34"/>
      <c r="O24" s="34"/>
      <c r="P24" s="34"/>
    </row>
    <row r="25" spans="1:16" s="89" customFormat="1" ht="14.1" customHeight="1" x14ac:dyDescent="0.25">
      <c r="A25" s="82" t="s">
        <v>0</v>
      </c>
      <c r="B25" s="83" t="s">
        <v>12</v>
      </c>
      <c r="C25" s="83" t="s">
        <v>13</v>
      </c>
      <c r="D25" s="83" t="s">
        <v>14</v>
      </c>
      <c r="E25" s="90" t="s">
        <v>15</v>
      </c>
      <c r="F25" s="84" t="s">
        <v>16</v>
      </c>
      <c r="G25" s="79" t="s">
        <v>17</v>
      </c>
      <c r="H25" s="85" t="s">
        <v>18</v>
      </c>
      <c r="I25" s="86" t="s">
        <v>19</v>
      </c>
      <c r="J25" s="87" t="s">
        <v>35</v>
      </c>
      <c r="K25" s="88" t="s">
        <v>36</v>
      </c>
      <c r="L25" s="81"/>
      <c r="M25" s="81"/>
      <c r="N25" s="81"/>
      <c r="O25" s="81"/>
      <c r="P25" s="81"/>
    </row>
    <row r="26" spans="1:16" s="29" customFormat="1" ht="24.95" customHeight="1" x14ac:dyDescent="0.25">
      <c r="A26" s="67" t="s">
        <v>0</v>
      </c>
      <c r="B26" s="52"/>
      <c r="C26" s="53"/>
      <c r="D26" s="65"/>
      <c r="E26" s="65"/>
      <c r="F26" s="65"/>
      <c r="G26" s="65"/>
      <c r="H26" s="54"/>
      <c r="I26" s="55"/>
      <c r="J26" s="74"/>
      <c r="K26" s="143"/>
      <c r="L26" s="77"/>
      <c r="M26" s="77"/>
      <c r="N26" s="37"/>
      <c r="O26" s="37"/>
      <c r="P26" s="37"/>
    </row>
    <row r="27" spans="1:16" s="29" customFormat="1" ht="24.95" customHeight="1" x14ac:dyDescent="0.25">
      <c r="A27" s="66" t="s">
        <v>12</v>
      </c>
      <c r="B27" s="56"/>
      <c r="C27" s="57"/>
      <c r="D27" s="66"/>
      <c r="E27" s="66"/>
      <c r="F27" s="66"/>
      <c r="G27" s="67"/>
      <c r="H27" s="58"/>
      <c r="I27" s="59"/>
      <c r="J27" s="75"/>
      <c r="K27" s="144"/>
      <c r="L27" s="77"/>
      <c r="M27" s="77"/>
      <c r="N27" s="37"/>
      <c r="O27" s="37"/>
      <c r="P27" s="37"/>
    </row>
    <row r="28" spans="1:16" s="29" customFormat="1" ht="24.95" customHeight="1" x14ac:dyDescent="0.25">
      <c r="A28" s="68" t="s">
        <v>13</v>
      </c>
      <c r="B28" s="69"/>
      <c r="C28" s="70"/>
      <c r="D28" s="68"/>
      <c r="E28" s="68"/>
      <c r="F28" s="68"/>
      <c r="G28" s="68"/>
      <c r="H28" s="71"/>
      <c r="I28" s="72"/>
      <c r="J28" s="76"/>
      <c r="K28" s="145"/>
      <c r="L28" s="77"/>
      <c r="M28" s="77"/>
      <c r="N28" s="37"/>
      <c r="O28" s="37"/>
      <c r="P28" s="37"/>
    </row>
    <row r="29" spans="1:16" s="8" customFormat="1" ht="15.75" customHeight="1" x14ac:dyDescent="0.2">
      <c r="A29" s="6"/>
      <c r="B29" s="6"/>
      <c r="C29" s="6"/>
      <c r="D29" s="7"/>
      <c r="F29" s="9"/>
      <c r="G29" s="9"/>
      <c r="H29" s="9"/>
      <c r="I29" s="9"/>
      <c r="J29" s="17"/>
      <c r="K29" s="17"/>
      <c r="L29" s="17"/>
      <c r="M29" s="17"/>
    </row>
    <row r="30" spans="1:16" s="33" customFormat="1" ht="29.25" customHeight="1" x14ac:dyDescent="0.25">
      <c r="A30" s="135" t="s">
        <v>88</v>
      </c>
      <c r="B30" s="135"/>
      <c r="C30" s="135"/>
      <c r="D30" s="135"/>
      <c r="E30" s="135"/>
      <c r="F30" s="135"/>
      <c r="G30" s="135"/>
      <c r="H30" s="135"/>
      <c r="I30" s="135"/>
      <c r="J30" s="135"/>
      <c r="K30" s="135"/>
      <c r="L30" s="51"/>
      <c r="M30" s="51"/>
      <c r="N30" s="51"/>
      <c r="O30" s="51"/>
      <c r="P30" s="51"/>
    </row>
    <row r="31" spans="1:16" s="28" customFormat="1" ht="22.5" customHeight="1" x14ac:dyDescent="0.25">
      <c r="A31" s="136" t="s">
        <v>24</v>
      </c>
      <c r="B31" s="136" t="s">
        <v>39</v>
      </c>
      <c r="C31" s="136" t="s">
        <v>40</v>
      </c>
      <c r="D31" s="136" t="s">
        <v>30</v>
      </c>
      <c r="E31" s="136" t="s">
        <v>32</v>
      </c>
      <c r="F31" s="136" t="s">
        <v>41</v>
      </c>
      <c r="G31" s="136" t="s">
        <v>42</v>
      </c>
      <c r="H31" s="138" t="s">
        <v>45</v>
      </c>
      <c r="I31" s="139"/>
      <c r="J31" s="139"/>
      <c r="K31" s="140" t="s">
        <v>48</v>
      </c>
      <c r="L31" s="142"/>
      <c r="M31" s="142"/>
      <c r="N31" s="34"/>
      <c r="O31" s="34"/>
      <c r="P31" s="34"/>
    </row>
    <row r="32" spans="1:16" s="28" customFormat="1" ht="22.5" customHeight="1" x14ac:dyDescent="0.25">
      <c r="A32" s="137"/>
      <c r="B32" s="137"/>
      <c r="C32" s="137"/>
      <c r="D32" s="137"/>
      <c r="E32" s="137"/>
      <c r="F32" s="137"/>
      <c r="G32" s="137"/>
      <c r="H32" s="35" t="s">
        <v>26</v>
      </c>
      <c r="I32" s="36" t="s">
        <v>27</v>
      </c>
      <c r="J32" s="73" t="s">
        <v>28</v>
      </c>
      <c r="K32" s="141"/>
      <c r="L32" s="37"/>
      <c r="M32" s="37"/>
      <c r="N32" s="34"/>
      <c r="O32" s="34"/>
      <c r="P32" s="34"/>
    </row>
    <row r="33" spans="1:16" s="89" customFormat="1" ht="14.1" customHeight="1" x14ac:dyDescent="0.25">
      <c r="A33" s="82" t="s">
        <v>0</v>
      </c>
      <c r="B33" s="83" t="s">
        <v>12</v>
      </c>
      <c r="C33" s="83" t="s">
        <v>13</v>
      </c>
      <c r="D33" s="83" t="s">
        <v>14</v>
      </c>
      <c r="E33" s="90" t="s">
        <v>15</v>
      </c>
      <c r="F33" s="84" t="s">
        <v>16</v>
      </c>
      <c r="G33" s="79" t="s">
        <v>17</v>
      </c>
      <c r="H33" s="85" t="s">
        <v>18</v>
      </c>
      <c r="I33" s="86" t="s">
        <v>19</v>
      </c>
      <c r="J33" s="87" t="s">
        <v>35</v>
      </c>
      <c r="K33" s="88" t="s">
        <v>36</v>
      </c>
      <c r="L33" s="81"/>
      <c r="M33" s="81"/>
      <c r="N33" s="81"/>
      <c r="O33" s="81"/>
      <c r="P33" s="81"/>
    </row>
    <row r="34" spans="1:16" s="29" customFormat="1" ht="24.95" customHeight="1" x14ac:dyDescent="0.25">
      <c r="A34" s="67" t="s">
        <v>0</v>
      </c>
      <c r="B34" s="52"/>
      <c r="C34" s="53"/>
      <c r="D34" s="65"/>
      <c r="E34" s="65"/>
      <c r="F34" s="65"/>
      <c r="G34" s="65"/>
      <c r="H34" s="54"/>
      <c r="I34" s="55"/>
      <c r="J34" s="74"/>
      <c r="K34" s="143"/>
      <c r="L34" s="77"/>
      <c r="M34" s="77"/>
      <c r="N34" s="37"/>
      <c r="O34" s="37"/>
      <c r="P34" s="37"/>
    </row>
    <row r="35" spans="1:16" s="29" customFormat="1" ht="24.95" customHeight="1" x14ac:dyDescent="0.25">
      <c r="A35" s="66" t="s">
        <v>12</v>
      </c>
      <c r="B35" s="56"/>
      <c r="C35" s="57"/>
      <c r="D35" s="66"/>
      <c r="E35" s="66"/>
      <c r="F35" s="66"/>
      <c r="G35" s="67"/>
      <c r="H35" s="58"/>
      <c r="I35" s="59"/>
      <c r="J35" s="75"/>
      <c r="K35" s="144"/>
      <c r="L35" s="77"/>
      <c r="M35" s="77"/>
      <c r="N35" s="37"/>
      <c r="O35" s="37"/>
      <c r="P35" s="37"/>
    </row>
    <row r="36" spans="1:16" s="29" customFormat="1" ht="24.95" customHeight="1" x14ac:dyDescent="0.25">
      <c r="A36" s="68" t="s">
        <v>13</v>
      </c>
      <c r="B36" s="69"/>
      <c r="C36" s="70"/>
      <c r="D36" s="68"/>
      <c r="E36" s="68"/>
      <c r="F36" s="68"/>
      <c r="G36" s="68"/>
      <c r="H36" s="71"/>
      <c r="I36" s="72"/>
      <c r="J36" s="76"/>
      <c r="K36" s="145"/>
      <c r="L36" s="77"/>
      <c r="M36" s="77"/>
      <c r="N36" s="37"/>
      <c r="O36" s="37"/>
      <c r="P36" s="37"/>
    </row>
    <row r="37" spans="1:16" s="8" customFormat="1" ht="15.75" customHeight="1" x14ac:dyDescent="0.2">
      <c r="A37" s="6"/>
      <c r="B37" s="6"/>
      <c r="C37" s="6"/>
      <c r="D37" s="7"/>
      <c r="F37" s="9"/>
      <c r="G37" s="9"/>
      <c r="H37" s="9"/>
      <c r="I37" s="9"/>
      <c r="J37" s="17"/>
      <c r="K37" s="17"/>
      <c r="L37" s="17"/>
      <c r="M37" s="17"/>
    </row>
    <row r="38" spans="1:16" s="33" customFormat="1" ht="29.25" customHeight="1" x14ac:dyDescent="0.25">
      <c r="A38" s="135" t="s">
        <v>90</v>
      </c>
      <c r="B38" s="135"/>
      <c r="C38" s="135"/>
      <c r="D38" s="135"/>
      <c r="E38" s="135"/>
      <c r="F38" s="135"/>
      <c r="G38" s="135"/>
      <c r="H38" s="135"/>
      <c r="I38" s="135"/>
      <c r="J38" s="135"/>
      <c r="K38" s="135"/>
      <c r="L38" s="51"/>
      <c r="M38" s="51"/>
      <c r="N38" s="51"/>
      <c r="O38" s="51"/>
      <c r="P38" s="51"/>
    </row>
    <row r="39" spans="1:16" s="28" customFormat="1" ht="22.5" customHeight="1" x14ac:dyDescent="0.25">
      <c r="A39" s="136" t="s">
        <v>24</v>
      </c>
      <c r="B39" s="136" t="s">
        <v>39</v>
      </c>
      <c r="C39" s="136" t="s">
        <v>40</v>
      </c>
      <c r="D39" s="136" t="s">
        <v>30</v>
      </c>
      <c r="E39" s="136" t="s">
        <v>32</v>
      </c>
      <c r="F39" s="136" t="s">
        <v>41</v>
      </c>
      <c r="G39" s="136" t="s">
        <v>42</v>
      </c>
      <c r="H39" s="138" t="s">
        <v>45</v>
      </c>
      <c r="I39" s="139"/>
      <c r="J39" s="139"/>
      <c r="K39" s="140" t="s">
        <v>48</v>
      </c>
      <c r="L39" s="142"/>
      <c r="M39" s="142"/>
      <c r="N39" s="34"/>
      <c r="O39" s="34"/>
      <c r="P39" s="34"/>
    </row>
    <row r="40" spans="1:16" s="28" customFormat="1" ht="22.5" customHeight="1" x14ac:dyDescent="0.25">
      <c r="A40" s="137"/>
      <c r="B40" s="137"/>
      <c r="C40" s="137"/>
      <c r="D40" s="137"/>
      <c r="E40" s="137"/>
      <c r="F40" s="137"/>
      <c r="G40" s="137"/>
      <c r="H40" s="35" t="s">
        <v>26</v>
      </c>
      <c r="I40" s="36" t="s">
        <v>27</v>
      </c>
      <c r="J40" s="73" t="s">
        <v>28</v>
      </c>
      <c r="K40" s="141"/>
      <c r="L40" s="37"/>
      <c r="M40" s="37"/>
      <c r="N40" s="34"/>
      <c r="O40" s="34"/>
      <c r="P40" s="34"/>
    </row>
    <row r="41" spans="1:16" s="89" customFormat="1" ht="14.1" customHeight="1" x14ac:dyDescent="0.25">
      <c r="A41" s="82" t="s">
        <v>0</v>
      </c>
      <c r="B41" s="83" t="s">
        <v>12</v>
      </c>
      <c r="C41" s="83" t="s">
        <v>13</v>
      </c>
      <c r="D41" s="83" t="s">
        <v>14</v>
      </c>
      <c r="E41" s="90" t="s">
        <v>15</v>
      </c>
      <c r="F41" s="84" t="s">
        <v>16</v>
      </c>
      <c r="G41" s="79" t="s">
        <v>17</v>
      </c>
      <c r="H41" s="85" t="s">
        <v>18</v>
      </c>
      <c r="I41" s="86" t="s">
        <v>19</v>
      </c>
      <c r="J41" s="87" t="s">
        <v>35</v>
      </c>
      <c r="K41" s="88" t="s">
        <v>36</v>
      </c>
      <c r="L41" s="81"/>
      <c r="M41" s="81"/>
      <c r="N41" s="81"/>
      <c r="O41" s="81"/>
      <c r="P41" s="81"/>
    </row>
    <row r="42" spans="1:16" s="29" customFormat="1" ht="24.95" customHeight="1" x14ac:dyDescent="0.25">
      <c r="A42" s="67" t="s">
        <v>0</v>
      </c>
      <c r="B42" s="52"/>
      <c r="C42" s="53"/>
      <c r="D42" s="65"/>
      <c r="E42" s="65"/>
      <c r="F42" s="65"/>
      <c r="G42" s="65"/>
      <c r="H42" s="54"/>
      <c r="I42" s="55"/>
      <c r="J42" s="74"/>
      <c r="K42" s="143"/>
      <c r="L42" s="77"/>
      <c r="M42" s="77"/>
      <c r="N42" s="37"/>
      <c r="O42" s="37"/>
      <c r="P42" s="37"/>
    </row>
    <row r="43" spans="1:16" s="29" customFormat="1" ht="24.95" customHeight="1" x14ac:dyDescent="0.25">
      <c r="A43" s="66" t="s">
        <v>12</v>
      </c>
      <c r="B43" s="56"/>
      <c r="C43" s="57"/>
      <c r="D43" s="66"/>
      <c r="E43" s="66"/>
      <c r="F43" s="66"/>
      <c r="G43" s="67"/>
      <c r="H43" s="58"/>
      <c r="I43" s="59"/>
      <c r="J43" s="75"/>
      <c r="K43" s="144"/>
      <c r="L43" s="77"/>
      <c r="M43" s="77"/>
      <c r="N43" s="37"/>
      <c r="O43" s="37"/>
      <c r="P43" s="37"/>
    </row>
    <row r="44" spans="1:16" s="29" customFormat="1" ht="24.95" customHeight="1" x14ac:dyDescent="0.25">
      <c r="A44" s="68" t="s">
        <v>13</v>
      </c>
      <c r="B44" s="69"/>
      <c r="C44" s="70"/>
      <c r="D44" s="68"/>
      <c r="E44" s="68"/>
      <c r="F44" s="68"/>
      <c r="G44" s="68"/>
      <c r="H44" s="71"/>
      <c r="I44" s="72"/>
      <c r="J44" s="76"/>
      <c r="K44" s="145"/>
      <c r="L44" s="77"/>
      <c r="M44" s="77"/>
      <c r="N44" s="37"/>
      <c r="O44" s="37"/>
      <c r="P44" s="37"/>
    </row>
    <row r="45" spans="1:16" s="8" customFormat="1" ht="15.75" customHeight="1" x14ac:dyDescent="0.2">
      <c r="A45" s="6"/>
      <c r="B45" s="6"/>
      <c r="C45" s="6"/>
      <c r="D45" s="7"/>
      <c r="F45" s="9"/>
      <c r="G45" s="9"/>
      <c r="H45" s="9"/>
      <c r="I45" s="9"/>
      <c r="J45" s="17"/>
      <c r="K45" s="17"/>
      <c r="L45" s="17"/>
      <c r="M45" s="17"/>
    </row>
    <row r="46" spans="1:16" s="8" customFormat="1" ht="15.75" customHeight="1" x14ac:dyDescent="0.2">
      <c r="A46" s="6"/>
      <c r="B46" s="6"/>
      <c r="C46" s="6"/>
      <c r="D46" s="7"/>
      <c r="F46" s="9"/>
      <c r="G46" s="9"/>
      <c r="H46" s="9"/>
      <c r="I46" s="9"/>
      <c r="J46" s="17"/>
      <c r="K46" s="17"/>
      <c r="L46" s="17"/>
      <c r="M46" s="17"/>
    </row>
    <row r="47" spans="1:16" s="11" customFormat="1" ht="20.100000000000001" customHeight="1" x14ac:dyDescent="0.25">
      <c r="A47" s="11" t="s">
        <v>3</v>
      </c>
      <c r="C47" s="135"/>
      <c r="D47" s="135"/>
      <c r="E47" s="99" t="s">
        <v>2</v>
      </c>
      <c r="F47" s="117"/>
      <c r="G47" s="117"/>
      <c r="K47" s="17"/>
      <c r="L47" s="17"/>
    </row>
    <row r="48" spans="1:16" s="11" customFormat="1" ht="20.100000000000001" customHeight="1" x14ac:dyDescent="0.25">
      <c r="A48" s="11" t="s">
        <v>4</v>
      </c>
      <c r="C48" s="117"/>
      <c r="D48" s="117"/>
      <c r="E48" s="99" t="s">
        <v>1</v>
      </c>
      <c r="F48" s="118"/>
      <c r="G48" s="118"/>
      <c r="K48" s="14"/>
      <c r="L48" s="15"/>
    </row>
    <row r="49" spans="1:13" s="11" customFormat="1" ht="20.100000000000001" customHeight="1" x14ac:dyDescent="0.2">
      <c r="A49" s="11" t="s">
        <v>5</v>
      </c>
      <c r="C49" s="117"/>
      <c r="D49" s="117"/>
      <c r="E49" s="13"/>
      <c r="H49" s="18" t="s">
        <v>20</v>
      </c>
      <c r="I49" s="119"/>
      <c r="J49" s="119"/>
      <c r="L49" s="15"/>
    </row>
    <row r="50" spans="1:13" s="11" customFormat="1" ht="20.100000000000001" customHeight="1" x14ac:dyDescent="0.2">
      <c r="D50" s="12"/>
      <c r="H50" s="19"/>
      <c r="I50" s="20"/>
      <c r="J50" s="20"/>
      <c r="L50" s="15"/>
    </row>
    <row r="51" spans="1:13" s="11" customFormat="1" ht="20.100000000000001" customHeight="1" x14ac:dyDescent="0.25">
      <c r="A51" s="11" t="s">
        <v>6</v>
      </c>
      <c r="C51" s="135"/>
      <c r="D51" s="135"/>
      <c r="H51" s="21" t="s">
        <v>21</v>
      </c>
      <c r="I51" s="120"/>
      <c r="J51" s="120"/>
      <c r="L51" s="15"/>
    </row>
    <row r="52" spans="1:13" s="11" customFormat="1" ht="20.100000000000001" customHeight="1" x14ac:dyDescent="0.25">
      <c r="A52" s="11" t="s">
        <v>7</v>
      </c>
      <c r="C52" s="117"/>
      <c r="D52" s="117"/>
      <c r="E52" s="13"/>
      <c r="H52" s="21" t="s">
        <v>22</v>
      </c>
      <c r="I52" s="121"/>
      <c r="J52" s="121"/>
      <c r="L52" s="15"/>
    </row>
    <row r="53" spans="1:13" s="11" customFormat="1" ht="20.100000000000001" customHeight="1" x14ac:dyDescent="0.25">
      <c r="A53" s="11" t="s">
        <v>8</v>
      </c>
      <c r="C53" s="117"/>
      <c r="D53" s="117"/>
      <c r="E53" s="13"/>
      <c r="H53" s="22" t="s">
        <v>23</v>
      </c>
      <c r="I53" s="23"/>
      <c r="J53" s="23"/>
    </row>
    <row r="54" spans="1:13" s="11" customFormat="1" ht="20.100000000000001" customHeight="1" x14ac:dyDescent="0.25">
      <c r="A54" s="12"/>
      <c r="B54" s="12"/>
      <c r="C54" s="12"/>
      <c r="D54" s="13"/>
      <c r="E54" s="13"/>
    </row>
    <row r="55" spans="1:13" s="11" customFormat="1" ht="20.100000000000001" customHeight="1" x14ac:dyDescent="0.2">
      <c r="A55" s="146" t="s">
        <v>10</v>
      </c>
      <c r="B55" s="146"/>
      <c r="C55" s="12"/>
      <c r="D55" s="13"/>
      <c r="E55" s="13"/>
    </row>
    <row r="56" spans="1:13" s="8" customFormat="1" ht="20.100000000000001" customHeight="1" x14ac:dyDescent="0.2">
      <c r="A56" s="24"/>
      <c r="B56" s="25" t="s">
        <v>11</v>
      </c>
      <c r="D56" s="7"/>
      <c r="E56" s="7"/>
      <c r="F56" s="9"/>
      <c r="M56" s="6"/>
    </row>
  </sheetData>
  <mergeCells count="72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4:K14"/>
    <mergeCell ref="A15:A16"/>
    <mergeCell ref="B15:B16"/>
    <mergeCell ref="C15:C16"/>
    <mergeCell ref="D15:D16"/>
    <mergeCell ref="E15:E16"/>
    <mergeCell ref="F15:F16"/>
    <mergeCell ref="G15:G16"/>
    <mergeCell ref="L23:M23"/>
    <mergeCell ref="K26:K28"/>
    <mergeCell ref="H15:J15"/>
    <mergeCell ref="K15:K16"/>
    <mergeCell ref="L15:M15"/>
    <mergeCell ref="K18:K20"/>
    <mergeCell ref="A22:K22"/>
    <mergeCell ref="A23:A24"/>
    <mergeCell ref="B23:B24"/>
    <mergeCell ref="C23:C24"/>
    <mergeCell ref="D23:D24"/>
    <mergeCell ref="E23:E24"/>
    <mergeCell ref="I49:J49"/>
    <mergeCell ref="F23:F24"/>
    <mergeCell ref="G23:G24"/>
    <mergeCell ref="H23:J23"/>
    <mergeCell ref="K23:K24"/>
    <mergeCell ref="A55:B55"/>
    <mergeCell ref="C47:D47"/>
    <mergeCell ref="F47:G47"/>
    <mergeCell ref="C48:D48"/>
    <mergeCell ref="F48:G48"/>
    <mergeCell ref="C49:D49"/>
    <mergeCell ref="C51:D51"/>
    <mergeCell ref="I51:J51"/>
    <mergeCell ref="C52:D52"/>
    <mergeCell ref="I52:J52"/>
    <mergeCell ref="C53:D53"/>
    <mergeCell ref="A30:K30"/>
    <mergeCell ref="A31:A32"/>
    <mergeCell ref="B31:B32"/>
    <mergeCell ref="C31:C32"/>
    <mergeCell ref="D31:D32"/>
    <mergeCell ref="E31:E32"/>
    <mergeCell ref="F31:F32"/>
    <mergeCell ref="G31:G32"/>
    <mergeCell ref="H31:J31"/>
    <mergeCell ref="K31:K32"/>
    <mergeCell ref="H39:J39"/>
    <mergeCell ref="K39:K40"/>
    <mergeCell ref="L39:M39"/>
    <mergeCell ref="K42:K44"/>
    <mergeCell ref="L31:M31"/>
    <mergeCell ref="K34:K36"/>
    <mergeCell ref="A38:K38"/>
    <mergeCell ref="A39:A40"/>
    <mergeCell ref="B39:B40"/>
    <mergeCell ref="C39:C40"/>
    <mergeCell ref="D39:D40"/>
    <mergeCell ref="E39:E40"/>
    <mergeCell ref="F39:F40"/>
    <mergeCell ref="G39:G40"/>
  </mergeCells>
  <conditionalFormatting sqref="F47:G47">
    <cfRule type="containsBlanks" dxfId="23" priority="6">
      <formula>LEN(TRIM(F47))=0</formula>
    </cfRule>
  </conditionalFormatting>
  <conditionalFormatting sqref="I51:J51">
    <cfRule type="containsBlanks" dxfId="22" priority="4">
      <formula>LEN(TRIM(I51))=0</formula>
    </cfRule>
  </conditionalFormatting>
  <conditionalFormatting sqref="I52:J52">
    <cfRule type="containsBlanks" dxfId="21" priority="3">
      <formula>LEN(TRIM(I52))=0</formula>
    </cfRule>
  </conditionalFormatting>
  <conditionalFormatting sqref="C47:D49">
    <cfRule type="containsBlanks" dxfId="20" priority="2">
      <formula>LEN(TRIM(C47))=0</formula>
    </cfRule>
  </conditionalFormatting>
  <conditionalFormatting sqref="C51:D53">
    <cfRule type="containsBlanks" dxfId="19" priority="1">
      <formula>LEN(TRIM(C51))=0</formula>
    </cfRule>
  </conditionalFormatting>
  <conditionalFormatting sqref="F48:G48">
    <cfRule type="containsBlanks" dxfId="18" priority="5">
      <formula>LEN(TRIM(F48))=0</formula>
    </cfRule>
  </conditionalFormatting>
  <printOptions horizontalCentered="1"/>
  <pageMargins left="0.55118110236220474" right="0.55118110236220474" top="0.59055118110236227" bottom="0.59055118110236227" header="0.51181102362204722" footer="0.51181102362204722"/>
  <pageSetup paperSize="9" scale="66" fitToHeight="0" orientation="landscape" r:id="rId1"/>
  <headerFooter alignWithMargins="0"/>
  <rowBreaks count="1" manualBreakCount="1">
    <brk id="28" max="12" man="1"/>
  </rowBreaks>
  <colBreaks count="1" manualBreakCount="1">
    <brk id="13" max="1048575" man="1"/>
  </col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BD84958-BE62-4BCE-8597-27D2FF931429}">
  <sheetPr>
    <tabColor theme="4" tint="0.79998168889431442"/>
    <pageSetUpPr fitToPage="1"/>
  </sheetPr>
  <dimension ref="A1:V92"/>
  <sheetViews>
    <sheetView showGridLines="0" zoomScale="90" zoomScaleNormal="90" workbookViewId="0">
      <selection activeCell="Q13" sqref="Q13"/>
    </sheetView>
  </sheetViews>
  <sheetFormatPr defaultColWidth="9.140625" defaultRowHeight="12" x14ac:dyDescent="0.2"/>
  <cols>
    <col min="1" max="1" width="5" style="3" customWidth="1"/>
    <col min="2" max="2" width="29" style="3" customWidth="1"/>
    <col min="3" max="3" width="15.85546875" style="3" customWidth="1"/>
    <col min="4" max="4" width="16.42578125" style="4" customWidth="1"/>
    <col min="5" max="5" width="17" style="4" customWidth="1"/>
    <col min="6" max="6" width="15" style="2" customWidth="1"/>
    <col min="7" max="10" width="14.7109375" style="2" customWidth="1"/>
    <col min="11" max="11" width="14.7109375" style="5" customWidth="1"/>
    <col min="12" max="12" width="14.7109375" style="2" customWidth="1"/>
    <col min="13" max="13" width="15" style="2" customWidth="1"/>
    <col min="14" max="14" width="14.7109375" style="2" customWidth="1"/>
    <col min="15" max="16384" width="9.140625" style="2"/>
  </cols>
  <sheetData>
    <row r="1" spans="1:22" s="27" customFormat="1" ht="20.100000000000001" customHeight="1" x14ac:dyDescent="0.2">
      <c r="A1" s="122" t="s">
        <v>113</v>
      </c>
      <c r="B1" s="122"/>
      <c r="C1" s="122"/>
      <c r="D1" s="122"/>
      <c r="E1" s="122"/>
      <c r="F1" s="122"/>
      <c r="G1" s="122"/>
      <c r="H1" s="122"/>
      <c r="I1" s="122"/>
      <c r="J1" s="122"/>
      <c r="K1" s="122"/>
      <c r="L1" s="122"/>
      <c r="M1" s="122"/>
      <c r="N1" s="2"/>
      <c r="O1" s="2"/>
      <c r="P1" s="2"/>
      <c r="Q1" s="2"/>
      <c r="R1" s="2"/>
      <c r="S1" s="2"/>
      <c r="T1" s="2"/>
      <c r="U1" s="2"/>
      <c r="V1" s="26"/>
    </row>
    <row r="2" spans="1:22" ht="24.95" customHeight="1" x14ac:dyDescent="0.2">
      <c r="A2" s="16" t="s">
        <v>9</v>
      </c>
      <c r="B2" s="1"/>
      <c r="C2" s="10"/>
      <c r="D2" s="10"/>
      <c r="E2" s="10"/>
      <c r="F2" s="10"/>
      <c r="G2" s="10"/>
      <c r="H2" s="10"/>
      <c r="I2" s="10"/>
      <c r="J2" s="10"/>
      <c r="K2" s="10"/>
      <c r="L2" s="10"/>
    </row>
    <row r="3" spans="1:22" ht="24.95" customHeight="1" x14ac:dyDescent="0.2">
      <c r="A3" s="123" t="s">
        <v>105</v>
      </c>
      <c r="B3" s="123"/>
      <c r="C3" s="123"/>
      <c r="D3" s="123"/>
      <c r="E3" s="123"/>
      <c r="F3" s="123"/>
      <c r="G3" s="123"/>
      <c r="H3" s="123"/>
      <c r="I3" s="123"/>
      <c r="J3" s="123"/>
      <c r="K3" s="123"/>
      <c r="L3" s="123"/>
    </row>
    <row r="4" spans="1:22" ht="14.25" customHeight="1" x14ac:dyDescent="0.2">
      <c r="A4" s="106"/>
      <c r="B4" s="106"/>
      <c r="C4" s="106"/>
      <c r="D4" s="106"/>
      <c r="E4" s="106"/>
      <c r="F4" s="106"/>
      <c r="G4" s="106"/>
      <c r="H4" s="106"/>
      <c r="I4" s="106"/>
      <c r="J4" s="106"/>
      <c r="K4" s="106"/>
      <c r="L4" s="106"/>
    </row>
    <row r="5" spans="1:22" ht="24.95" customHeight="1" x14ac:dyDescent="0.2">
      <c r="A5" s="123" t="s">
        <v>92</v>
      </c>
      <c r="B5" s="123"/>
      <c r="C5" s="123"/>
      <c r="D5" s="123"/>
      <c r="E5" s="123"/>
      <c r="F5" s="123"/>
      <c r="G5" s="123"/>
      <c r="H5" s="123"/>
      <c r="I5" s="123"/>
      <c r="J5" s="123"/>
      <c r="K5" s="123"/>
      <c r="L5" s="123"/>
    </row>
    <row r="6" spans="1:22" s="30" customFormat="1" ht="33" customHeight="1" x14ac:dyDescent="0.25">
      <c r="A6" s="124" t="s">
        <v>24</v>
      </c>
      <c r="B6" s="126" t="s">
        <v>25</v>
      </c>
      <c r="C6" s="124" t="s">
        <v>43</v>
      </c>
      <c r="D6" s="128" t="s">
        <v>49</v>
      </c>
      <c r="E6" s="130" t="s">
        <v>29</v>
      </c>
      <c r="F6" s="130" t="s">
        <v>30</v>
      </c>
      <c r="G6" s="130" t="s">
        <v>31</v>
      </c>
      <c r="H6" s="108" t="s">
        <v>32</v>
      </c>
      <c r="I6" s="132" t="s">
        <v>33</v>
      </c>
      <c r="J6" s="133"/>
      <c r="K6" s="133"/>
      <c r="L6" s="132" t="s">
        <v>44</v>
      </c>
      <c r="M6" s="134"/>
      <c r="O6" s="34"/>
      <c r="P6" s="34"/>
    </row>
    <row r="7" spans="1:22" s="30" customFormat="1" ht="33" customHeight="1" x14ac:dyDescent="0.25">
      <c r="A7" s="125"/>
      <c r="B7" s="127"/>
      <c r="C7" s="125"/>
      <c r="D7" s="129"/>
      <c r="E7" s="131"/>
      <c r="F7" s="131"/>
      <c r="G7" s="131"/>
      <c r="H7" s="107"/>
      <c r="I7" s="60" t="s">
        <v>26</v>
      </c>
      <c r="J7" s="61" t="s">
        <v>34</v>
      </c>
      <c r="K7" s="62" t="s">
        <v>28</v>
      </c>
      <c r="L7" s="63" t="s">
        <v>26</v>
      </c>
      <c r="M7" s="64" t="s">
        <v>28</v>
      </c>
      <c r="O7" s="34"/>
      <c r="P7" s="34"/>
    </row>
    <row r="8" spans="1:22" s="80" customFormat="1" ht="14.1" customHeight="1" x14ac:dyDescent="0.25">
      <c r="A8" s="93" t="s">
        <v>0</v>
      </c>
      <c r="B8" s="93" t="s">
        <v>12</v>
      </c>
      <c r="C8" s="93" t="s">
        <v>13</v>
      </c>
      <c r="D8" s="93" t="s">
        <v>14</v>
      </c>
      <c r="E8" s="91" t="s">
        <v>15</v>
      </c>
      <c r="F8" s="79" t="s">
        <v>16</v>
      </c>
      <c r="G8" s="79" t="s">
        <v>17</v>
      </c>
      <c r="H8" s="79" t="s">
        <v>18</v>
      </c>
      <c r="I8" s="79" t="s">
        <v>19</v>
      </c>
      <c r="J8" s="79" t="s">
        <v>35</v>
      </c>
      <c r="K8" s="79" t="s">
        <v>36</v>
      </c>
      <c r="L8" s="79" t="s">
        <v>37</v>
      </c>
      <c r="M8" s="79" t="s">
        <v>38</v>
      </c>
      <c r="O8" s="81"/>
      <c r="P8" s="81"/>
    </row>
    <row r="9" spans="1:22" s="31" customFormat="1" ht="39.75" customHeight="1" x14ac:dyDescent="0.25">
      <c r="A9" s="38" t="s">
        <v>0</v>
      </c>
      <c r="B9" s="39" t="s">
        <v>93</v>
      </c>
      <c r="C9" s="92" t="s">
        <v>46</v>
      </c>
      <c r="D9" s="98"/>
      <c r="E9" s="40"/>
      <c r="F9" s="40"/>
      <c r="G9" s="40"/>
      <c r="H9" s="41"/>
      <c r="I9" s="42"/>
      <c r="J9" s="43"/>
      <c r="K9" s="44"/>
      <c r="L9" s="45"/>
      <c r="M9" s="46"/>
      <c r="O9" s="37"/>
      <c r="P9" s="37"/>
    </row>
    <row r="10" spans="1:22" s="31" customFormat="1" ht="39.75" customHeight="1" x14ac:dyDescent="0.25">
      <c r="A10" s="38" t="s">
        <v>12</v>
      </c>
      <c r="B10" s="39" t="s">
        <v>109</v>
      </c>
      <c r="C10" s="92" t="s">
        <v>46</v>
      </c>
      <c r="D10" s="98"/>
      <c r="E10" s="40"/>
      <c r="F10" s="40"/>
      <c r="G10" s="40"/>
      <c r="H10" s="41"/>
      <c r="I10" s="42"/>
      <c r="J10" s="43"/>
      <c r="K10" s="44"/>
      <c r="L10" s="45"/>
      <c r="M10" s="46"/>
      <c r="O10" s="37"/>
      <c r="P10" s="37"/>
    </row>
    <row r="11" spans="1:22" s="31" customFormat="1" ht="39.75" customHeight="1" x14ac:dyDescent="0.25">
      <c r="A11" s="38" t="s">
        <v>13</v>
      </c>
      <c r="B11" s="39" t="s">
        <v>110</v>
      </c>
      <c r="C11" s="92" t="s">
        <v>46</v>
      </c>
      <c r="D11" s="98"/>
      <c r="E11" s="40"/>
      <c r="F11" s="40"/>
      <c r="G11" s="40"/>
      <c r="H11" s="41"/>
      <c r="I11" s="42"/>
      <c r="J11" s="43"/>
      <c r="K11" s="44"/>
      <c r="L11" s="45"/>
      <c r="M11" s="46"/>
      <c r="O11" s="37"/>
      <c r="P11" s="37"/>
    </row>
    <row r="12" spans="1:22" s="31" customFormat="1" ht="39.75" customHeight="1" x14ac:dyDescent="0.25">
      <c r="A12" s="38" t="s">
        <v>14</v>
      </c>
      <c r="B12" s="39" t="s">
        <v>95</v>
      </c>
      <c r="C12" s="92" t="s">
        <v>46</v>
      </c>
      <c r="D12" s="98"/>
      <c r="E12" s="40"/>
      <c r="F12" s="40"/>
      <c r="G12" s="40"/>
      <c r="H12" s="41"/>
      <c r="I12" s="42"/>
      <c r="J12" s="43"/>
      <c r="K12" s="44"/>
      <c r="L12" s="45"/>
      <c r="M12" s="46"/>
      <c r="O12" s="37"/>
      <c r="P12" s="37"/>
    </row>
    <row r="13" spans="1:22" s="31" customFormat="1" ht="39.75" customHeight="1" x14ac:dyDescent="0.25">
      <c r="A13" s="38" t="s">
        <v>15</v>
      </c>
      <c r="B13" s="39" t="s">
        <v>97</v>
      </c>
      <c r="C13" s="92" t="s">
        <v>46</v>
      </c>
      <c r="D13" s="98"/>
      <c r="E13" s="40"/>
      <c r="F13" s="40"/>
      <c r="G13" s="40"/>
      <c r="H13" s="41"/>
      <c r="I13" s="42"/>
      <c r="J13" s="43"/>
      <c r="K13" s="44"/>
      <c r="L13" s="45"/>
      <c r="M13" s="46"/>
      <c r="O13" s="37"/>
      <c r="P13" s="37"/>
    </row>
    <row r="14" spans="1:22" s="31" customFormat="1" ht="39.75" customHeight="1" x14ac:dyDescent="0.25">
      <c r="A14" s="38" t="s">
        <v>16</v>
      </c>
      <c r="B14" s="39" t="s">
        <v>99</v>
      </c>
      <c r="C14" s="92" t="s">
        <v>46</v>
      </c>
      <c r="D14" s="98"/>
      <c r="E14" s="40"/>
      <c r="F14" s="40"/>
      <c r="G14" s="40"/>
      <c r="H14" s="41"/>
      <c r="I14" s="42"/>
      <c r="J14" s="43"/>
      <c r="K14" s="44"/>
      <c r="L14" s="45"/>
      <c r="M14" s="46"/>
      <c r="O14" s="37"/>
      <c r="P14" s="37"/>
    </row>
    <row r="15" spans="1:22" s="31" customFormat="1" ht="39.75" customHeight="1" x14ac:dyDescent="0.25">
      <c r="A15" s="38" t="s">
        <v>17</v>
      </c>
      <c r="B15" s="39" t="s">
        <v>101</v>
      </c>
      <c r="C15" s="92" t="s">
        <v>46</v>
      </c>
      <c r="D15" s="98"/>
      <c r="E15" s="40"/>
      <c r="F15" s="40"/>
      <c r="G15" s="40"/>
      <c r="H15" s="41"/>
      <c r="I15" s="42"/>
      <c r="J15" s="43"/>
      <c r="K15" s="44"/>
      <c r="L15" s="45"/>
      <c r="M15" s="46"/>
      <c r="O15" s="37"/>
      <c r="P15" s="37"/>
    </row>
    <row r="16" spans="1:22" s="31" customFormat="1" ht="39.75" customHeight="1" thickBot="1" x14ac:dyDescent="0.3">
      <c r="A16" s="38" t="s">
        <v>18</v>
      </c>
      <c r="B16" s="39" t="s">
        <v>104</v>
      </c>
      <c r="C16" s="92" t="s">
        <v>46</v>
      </c>
      <c r="D16" s="98"/>
      <c r="E16" s="40"/>
      <c r="F16" s="40"/>
      <c r="G16" s="40"/>
      <c r="H16" s="41"/>
      <c r="I16" s="42"/>
      <c r="J16" s="43"/>
      <c r="K16" s="44"/>
      <c r="L16" s="45"/>
      <c r="M16" s="46"/>
      <c r="O16" s="37"/>
      <c r="P16" s="37"/>
    </row>
    <row r="17" spans="1:16" s="32" customFormat="1" ht="33" customHeight="1" thickBot="1" x14ac:dyDescent="0.3">
      <c r="A17" s="47"/>
      <c r="B17" s="48"/>
      <c r="C17" s="48"/>
      <c r="D17" s="48"/>
      <c r="E17" s="49"/>
      <c r="F17" s="49"/>
      <c r="G17" s="49"/>
      <c r="H17" s="49"/>
      <c r="I17" s="48"/>
      <c r="J17" s="48"/>
      <c r="K17" s="48"/>
      <c r="L17" s="78">
        <f>SUM(L9:L16)</f>
        <v>0</v>
      </c>
      <c r="M17" s="94">
        <f>SUM(M9:M16)</f>
        <v>0</v>
      </c>
      <c r="O17" s="50"/>
      <c r="P17" s="50"/>
    </row>
    <row r="18" spans="1:16" s="33" customFormat="1" ht="29.25" customHeight="1" x14ac:dyDescent="0.25">
      <c r="A18" s="135" t="s">
        <v>94</v>
      </c>
      <c r="B18" s="135"/>
      <c r="C18" s="135"/>
      <c r="D18" s="135"/>
      <c r="E18" s="135"/>
      <c r="F18" s="135"/>
      <c r="G18" s="135"/>
      <c r="H18" s="135"/>
      <c r="I18" s="135"/>
      <c r="J18" s="135"/>
      <c r="K18" s="135"/>
      <c r="L18" s="51"/>
      <c r="M18" s="51"/>
      <c r="N18" s="51"/>
      <c r="O18" s="51"/>
      <c r="P18" s="51"/>
    </row>
    <row r="19" spans="1:16" s="28" customFormat="1" ht="22.5" customHeight="1" x14ac:dyDescent="0.25">
      <c r="A19" s="136" t="s">
        <v>24</v>
      </c>
      <c r="B19" s="136" t="s">
        <v>39</v>
      </c>
      <c r="C19" s="136" t="s">
        <v>40</v>
      </c>
      <c r="D19" s="136" t="s">
        <v>30</v>
      </c>
      <c r="E19" s="136" t="s">
        <v>32</v>
      </c>
      <c r="F19" s="136" t="s">
        <v>41</v>
      </c>
      <c r="G19" s="136" t="s">
        <v>42</v>
      </c>
      <c r="H19" s="138" t="s">
        <v>45</v>
      </c>
      <c r="I19" s="139"/>
      <c r="J19" s="139"/>
      <c r="K19" s="140" t="s">
        <v>48</v>
      </c>
      <c r="L19" s="142"/>
      <c r="M19" s="142"/>
      <c r="N19" s="34"/>
      <c r="O19" s="34"/>
      <c r="P19" s="34"/>
    </row>
    <row r="20" spans="1:16" s="28" customFormat="1" ht="22.5" customHeight="1" x14ac:dyDescent="0.25">
      <c r="A20" s="137"/>
      <c r="B20" s="137"/>
      <c r="C20" s="137"/>
      <c r="D20" s="137"/>
      <c r="E20" s="137"/>
      <c r="F20" s="137"/>
      <c r="G20" s="137"/>
      <c r="H20" s="35" t="s">
        <v>26</v>
      </c>
      <c r="I20" s="36" t="s">
        <v>27</v>
      </c>
      <c r="J20" s="73" t="s">
        <v>28</v>
      </c>
      <c r="K20" s="141"/>
      <c r="L20" s="37"/>
      <c r="M20" s="37"/>
      <c r="N20" s="34"/>
      <c r="O20" s="34"/>
      <c r="P20" s="34"/>
    </row>
    <row r="21" spans="1:16" s="89" customFormat="1" ht="14.1" customHeight="1" x14ac:dyDescent="0.25">
      <c r="A21" s="82" t="s">
        <v>0</v>
      </c>
      <c r="B21" s="83" t="s">
        <v>12</v>
      </c>
      <c r="C21" s="83" t="s">
        <v>13</v>
      </c>
      <c r="D21" s="83" t="s">
        <v>14</v>
      </c>
      <c r="E21" s="90" t="s">
        <v>15</v>
      </c>
      <c r="F21" s="84" t="s">
        <v>16</v>
      </c>
      <c r="G21" s="79" t="s">
        <v>17</v>
      </c>
      <c r="H21" s="85" t="s">
        <v>18</v>
      </c>
      <c r="I21" s="86" t="s">
        <v>19</v>
      </c>
      <c r="J21" s="87" t="s">
        <v>35</v>
      </c>
      <c r="K21" s="88" t="s">
        <v>36</v>
      </c>
      <c r="L21" s="81"/>
      <c r="M21" s="81"/>
      <c r="N21" s="81"/>
      <c r="O21" s="81"/>
      <c r="P21" s="81"/>
    </row>
    <row r="22" spans="1:16" s="29" customFormat="1" ht="24.95" customHeight="1" x14ac:dyDescent="0.25">
      <c r="A22" s="67" t="s">
        <v>0</v>
      </c>
      <c r="B22" s="52"/>
      <c r="C22" s="53"/>
      <c r="D22" s="65"/>
      <c r="E22" s="65"/>
      <c r="F22" s="65"/>
      <c r="G22" s="65"/>
      <c r="H22" s="54"/>
      <c r="I22" s="55"/>
      <c r="J22" s="74"/>
      <c r="K22" s="143"/>
      <c r="L22" s="77"/>
      <c r="M22" s="77"/>
      <c r="N22" s="37"/>
      <c r="O22" s="37"/>
      <c r="P22" s="37"/>
    </row>
    <row r="23" spans="1:16" s="29" customFormat="1" ht="24.95" customHeight="1" x14ac:dyDescent="0.25">
      <c r="A23" s="66" t="s">
        <v>12</v>
      </c>
      <c r="B23" s="56"/>
      <c r="C23" s="57"/>
      <c r="D23" s="66"/>
      <c r="E23" s="66"/>
      <c r="F23" s="66"/>
      <c r="G23" s="67"/>
      <c r="H23" s="58"/>
      <c r="I23" s="59"/>
      <c r="J23" s="75"/>
      <c r="K23" s="144"/>
      <c r="L23" s="77"/>
      <c r="M23" s="77"/>
      <c r="N23" s="37"/>
      <c r="O23" s="37"/>
      <c r="P23" s="37"/>
    </row>
    <row r="24" spans="1:16" s="29" customFormat="1" ht="24.95" customHeight="1" x14ac:dyDescent="0.25">
      <c r="A24" s="68" t="s">
        <v>13</v>
      </c>
      <c r="B24" s="69"/>
      <c r="C24" s="70"/>
      <c r="D24" s="68"/>
      <c r="E24" s="68"/>
      <c r="F24" s="68"/>
      <c r="G24" s="68"/>
      <c r="H24" s="71"/>
      <c r="I24" s="72"/>
      <c r="J24" s="76"/>
      <c r="K24" s="145"/>
      <c r="L24" s="77"/>
      <c r="M24" s="77"/>
      <c r="N24" s="37"/>
      <c r="O24" s="37"/>
      <c r="P24" s="37"/>
    </row>
    <row r="25" spans="1:16" s="8" customFormat="1" ht="15.75" customHeight="1" x14ac:dyDescent="0.2">
      <c r="A25" s="6"/>
      <c r="B25" s="6"/>
      <c r="C25" s="6"/>
      <c r="D25" s="7"/>
      <c r="F25" s="9"/>
      <c r="G25" s="9"/>
      <c r="H25" s="9"/>
      <c r="I25" s="9"/>
      <c r="J25" s="17"/>
      <c r="K25" s="17"/>
      <c r="L25" s="17"/>
      <c r="M25" s="17"/>
    </row>
    <row r="26" spans="1:16" s="33" customFormat="1" ht="29.25" customHeight="1" x14ac:dyDescent="0.25">
      <c r="A26" s="135" t="s">
        <v>111</v>
      </c>
      <c r="B26" s="135"/>
      <c r="C26" s="135"/>
      <c r="D26" s="135"/>
      <c r="E26" s="135"/>
      <c r="F26" s="135"/>
      <c r="G26" s="135"/>
      <c r="H26" s="135"/>
      <c r="I26" s="135"/>
      <c r="J26" s="135"/>
      <c r="K26" s="135"/>
      <c r="L26" s="51"/>
      <c r="M26" s="51"/>
      <c r="N26" s="51"/>
      <c r="O26" s="51"/>
      <c r="P26" s="51"/>
    </row>
    <row r="27" spans="1:16" s="28" customFormat="1" ht="22.5" customHeight="1" x14ac:dyDescent="0.25">
      <c r="A27" s="136" t="s">
        <v>24</v>
      </c>
      <c r="B27" s="136" t="s">
        <v>39</v>
      </c>
      <c r="C27" s="136" t="s">
        <v>40</v>
      </c>
      <c r="D27" s="136" t="s">
        <v>30</v>
      </c>
      <c r="E27" s="136" t="s">
        <v>32</v>
      </c>
      <c r="F27" s="136" t="s">
        <v>41</v>
      </c>
      <c r="G27" s="136" t="s">
        <v>42</v>
      </c>
      <c r="H27" s="138" t="s">
        <v>45</v>
      </c>
      <c r="I27" s="139"/>
      <c r="J27" s="139"/>
      <c r="K27" s="140" t="s">
        <v>48</v>
      </c>
      <c r="L27" s="142"/>
      <c r="M27" s="142"/>
      <c r="N27" s="34"/>
      <c r="O27" s="34"/>
      <c r="P27" s="34"/>
    </row>
    <row r="28" spans="1:16" s="28" customFormat="1" ht="22.5" customHeight="1" x14ac:dyDescent="0.25">
      <c r="A28" s="137"/>
      <c r="B28" s="137"/>
      <c r="C28" s="137"/>
      <c r="D28" s="137"/>
      <c r="E28" s="137"/>
      <c r="F28" s="137"/>
      <c r="G28" s="137"/>
      <c r="H28" s="35" t="s">
        <v>26</v>
      </c>
      <c r="I28" s="36" t="s">
        <v>27</v>
      </c>
      <c r="J28" s="73" t="s">
        <v>28</v>
      </c>
      <c r="K28" s="141"/>
      <c r="L28" s="37"/>
      <c r="M28" s="37"/>
      <c r="N28" s="34"/>
      <c r="O28" s="34"/>
      <c r="P28" s="34"/>
    </row>
    <row r="29" spans="1:16" s="89" customFormat="1" ht="14.1" customHeight="1" x14ac:dyDescent="0.25">
      <c r="A29" s="82" t="s">
        <v>0</v>
      </c>
      <c r="B29" s="83" t="s">
        <v>12</v>
      </c>
      <c r="C29" s="83" t="s">
        <v>13</v>
      </c>
      <c r="D29" s="83" t="s">
        <v>14</v>
      </c>
      <c r="E29" s="90" t="s">
        <v>15</v>
      </c>
      <c r="F29" s="84" t="s">
        <v>16</v>
      </c>
      <c r="G29" s="79" t="s">
        <v>17</v>
      </c>
      <c r="H29" s="85" t="s">
        <v>18</v>
      </c>
      <c r="I29" s="86" t="s">
        <v>19</v>
      </c>
      <c r="J29" s="87" t="s">
        <v>35</v>
      </c>
      <c r="K29" s="88" t="s">
        <v>36</v>
      </c>
      <c r="L29" s="81"/>
      <c r="M29" s="81"/>
      <c r="N29" s="81"/>
      <c r="O29" s="81"/>
      <c r="P29" s="81"/>
    </row>
    <row r="30" spans="1:16" s="29" customFormat="1" ht="24.95" customHeight="1" x14ac:dyDescent="0.25">
      <c r="A30" s="67" t="s">
        <v>0</v>
      </c>
      <c r="B30" s="52"/>
      <c r="C30" s="53"/>
      <c r="D30" s="65"/>
      <c r="E30" s="65"/>
      <c r="F30" s="65"/>
      <c r="G30" s="65"/>
      <c r="H30" s="54"/>
      <c r="I30" s="55"/>
      <c r="J30" s="74"/>
      <c r="K30" s="143"/>
      <c r="L30" s="77"/>
      <c r="M30" s="77"/>
      <c r="N30" s="37"/>
      <c r="O30" s="37"/>
      <c r="P30" s="37"/>
    </row>
    <row r="31" spans="1:16" s="29" customFormat="1" ht="24.95" customHeight="1" x14ac:dyDescent="0.25">
      <c r="A31" s="66" t="s">
        <v>12</v>
      </c>
      <c r="B31" s="56"/>
      <c r="C31" s="57"/>
      <c r="D31" s="66"/>
      <c r="E31" s="66"/>
      <c r="F31" s="66"/>
      <c r="G31" s="67"/>
      <c r="H31" s="58"/>
      <c r="I31" s="59"/>
      <c r="J31" s="75"/>
      <c r="K31" s="144"/>
      <c r="L31" s="77"/>
      <c r="M31" s="77"/>
      <c r="N31" s="37"/>
      <c r="O31" s="37"/>
      <c r="P31" s="37"/>
    </row>
    <row r="32" spans="1:16" s="29" customFormat="1" ht="24.95" customHeight="1" x14ac:dyDescent="0.25">
      <c r="A32" s="68" t="s">
        <v>13</v>
      </c>
      <c r="B32" s="69"/>
      <c r="C32" s="70"/>
      <c r="D32" s="68"/>
      <c r="E32" s="68"/>
      <c r="F32" s="68"/>
      <c r="G32" s="68"/>
      <c r="H32" s="71"/>
      <c r="I32" s="72"/>
      <c r="J32" s="76"/>
      <c r="K32" s="145"/>
      <c r="L32" s="77"/>
      <c r="M32" s="77"/>
      <c r="N32" s="37"/>
      <c r="O32" s="37"/>
      <c r="P32" s="37"/>
    </row>
    <row r="33" spans="1:16" s="8" customFormat="1" ht="15.75" customHeight="1" x14ac:dyDescent="0.2">
      <c r="A33" s="6"/>
      <c r="B33" s="6"/>
      <c r="C33" s="6"/>
      <c r="D33" s="7"/>
      <c r="F33" s="9"/>
      <c r="G33" s="9"/>
      <c r="H33" s="9"/>
      <c r="I33" s="9"/>
      <c r="J33" s="17"/>
      <c r="K33" s="17"/>
      <c r="L33" s="17"/>
      <c r="M33" s="17"/>
    </row>
    <row r="34" spans="1:16" s="33" customFormat="1" ht="29.25" customHeight="1" x14ac:dyDescent="0.25">
      <c r="A34" s="135" t="s">
        <v>112</v>
      </c>
      <c r="B34" s="135"/>
      <c r="C34" s="135"/>
      <c r="D34" s="135"/>
      <c r="E34" s="135"/>
      <c r="F34" s="135"/>
      <c r="G34" s="135"/>
      <c r="H34" s="135"/>
      <c r="I34" s="135"/>
      <c r="J34" s="135"/>
      <c r="K34" s="135"/>
      <c r="L34" s="51"/>
      <c r="M34" s="51"/>
      <c r="N34" s="51"/>
      <c r="O34" s="51"/>
      <c r="P34" s="51"/>
    </row>
    <row r="35" spans="1:16" s="28" customFormat="1" ht="22.5" customHeight="1" x14ac:dyDescent="0.25">
      <c r="A35" s="136" t="s">
        <v>24</v>
      </c>
      <c r="B35" s="136" t="s">
        <v>39</v>
      </c>
      <c r="C35" s="136" t="s">
        <v>40</v>
      </c>
      <c r="D35" s="136" t="s">
        <v>30</v>
      </c>
      <c r="E35" s="136" t="s">
        <v>32</v>
      </c>
      <c r="F35" s="136" t="s">
        <v>41</v>
      </c>
      <c r="G35" s="136" t="s">
        <v>42</v>
      </c>
      <c r="H35" s="138" t="s">
        <v>45</v>
      </c>
      <c r="I35" s="139"/>
      <c r="J35" s="139"/>
      <c r="K35" s="140" t="s">
        <v>48</v>
      </c>
      <c r="L35" s="142"/>
      <c r="M35" s="142"/>
      <c r="N35" s="34"/>
      <c r="O35" s="34"/>
      <c r="P35" s="34"/>
    </row>
    <row r="36" spans="1:16" s="28" customFormat="1" ht="22.5" customHeight="1" x14ac:dyDescent="0.25">
      <c r="A36" s="137"/>
      <c r="B36" s="137"/>
      <c r="C36" s="137"/>
      <c r="D36" s="137"/>
      <c r="E36" s="137"/>
      <c r="F36" s="137"/>
      <c r="G36" s="137"/>
      <c r="H36" s="35" t="s">
        <v>26</v>
      </c>
      <c r="I36" s="36" t="s">
        <v>27</v>
      </c>
      <c r="J36" s="73" t="s">
        <v>28</v>
      </c>
      <c r="K36" s="141"/>
      <c r="L36" s="37"/>
      <c r="M36" s="37"/>
      <c r="N36" s="34"/>
      <c r="O36" s="34"/>
      <c r="P36" s="34"/>
    </row>
    <row r="37" spans="1:16" s="89" customFormat="1" ht="14.1" customHeight="1" x14ac:dyDescent="0.25">
      <c r="A37" s="82" t="s">
        <v>0</v>
      </c>
      <c r="B37" s="83" t="s">
        <v>12</v>
      </c>
      <c r="C37" s="83" t="s">
        <v>13</v>
      </c>
      <c r="D37" s="83" t="s">
        <v>14</v>
      </c>
      <c r="E37" s="90" t="s">
        <v>15</v>
      </c>
      <c r="F37" s="84" t="s">
        <v>16</v>
      </c>
      <c r="G37" s="79" t="s">
        <v>17</v>
      </c>
      <c r="H37" s="85" t="s">
        <v>18</v>
      </c>
      <c r="I37" s="86" t="s">
        <v>19</v>
      </c>
      <c r="J37" s="87" t="s">
        <v>35</v>
      </c>
      <c r="K37" s="88" t="s">
        <v>36</v>
      </c>
      <c r="L37" s="81"/>
      <c r="M37" s="81"/>
      <c r="N37" s="81"/>
      <c r="O37" s="81"/>
      <c r="P37" s="81"/>
    </row>
    <row r="38" spans="1:16" s="29" customFormat="1" ht="24.95" customHeight="1" x14ac:dyDescent="0.25">
      <c r="A38" s="67" t="s">
        <v>0</v>
      </c>
      <c r="B38" s="52"/>
      <c r="C38" s="53"/>
      <c r="D38" s="65"/>
      <c r="E38" s="65"/>
      <c r="F38" s="65"/>
      <c r="G38" s="65"/>
      <c r="H38" s="54"/>
      <c r="I38" s="55"/>
      <c r="J38" s="74"/>
      <c r="K38" s="143"/>
      <c r="L38" s="77"/>
      <c r="M38" s="77"/>
      <c r="N38" s="37"/>
      <c r="O38" s="37"/>
      <c r="P38" s="37"/>
    </row>
    <row r="39" spans="1:16" s="29" customFormat="1" ht="24.95" customHeight="1" x14ac:dyDescent="0.25">
      <c r="A39" s="66" t="s">
        <v>12</v>
      </c>
      <c r="B39" s="56"/>
      <c r="C39" s="57"/>
      <c r="D39" s="66"/>
      <c r="E39" s="66"/>
      <c r="F39" s="66"/>
      <c r="G39" s="67"/>
      <c r="H39" s="58"/>
      <c r="I39" s="59"/>
      <c r="J39" s="75"/>
      <c r="K39" s="144"/>
      <c r="L39" s="77"/>
      <c r="M39" s="77"/>
      <c r="N39" s="37"/>
      <c r="O39" s="37"/>
      <c r="P39" s="37"/>
    </row>
    <row r="40" spans="1:16" s="29" customFormat="1" ht="24.95" customHeight="1" x14ac:dyDescent="0.25">
      <c r="A40" s="68" t="s">
        <v>13</v>
      </c>
      <c r="B40" s="69"/>
      <c r="C40" s="70"/>
      <c r="D40" s="68"/>
      <c r="E40" s="68"/>
      <c r="F40" s="68"/>
      <c r="G40" s="68"/>
      <c r="H40" s="71"/>
      <c r="I40" s="72"/>
      <c r="J40" s="76"/>
      <c r="K40" s="145"/>
      <c r="L40" s="77"/>
      <c r="M40" s="77"/>
      <c r="N40" s="37"/>
      <c r="O40" s="37"/>
      <c r="P40" s="37"/>
    </row>
    <row r="41" spans="1:16" s="8" customFormat="1" ht="15.75" customHeight="1" x14ac:dyDescent="0.2">
      <c r="A41" s="6"/>
      <c r="B41" s="6"/>
      <c r="C41" s="6"/>
      <c r="D41" s="7"/>
      <c r="F41" s="9"/>
      <c r="G41" s="9"/>
      <c r="H41" s="9"/>
      <c r="I41" s="9"/>
      <c r="J41" s="17"/>
      <c r="K41" s="17"/>
      <c r="L41" s="17"/>
      <c r="M41" s="17"/>
    </row>
    <row r="42" spans="1:16" s="33" customFormat="1" ht="29.25" customHeight="1" x14ac:dyDescent="0.25">
      <c r="A42" s="135" t="s">
        <v>96</v>
      </c>
      <c r="B42" s="135"/>
      <c r="C42" s="135"/>
      <c r="D42" s="135"/>
      <c r="E42" s="135"/>
      <c r="F42" s="135"/>
      <c r="G42" s="135"/>
      <c r="H42" s="135"/>
      <c r="I42" s="135"/>
      <c r="J42" s="135"/>
      <c r="K42" s="135"/>
      <c r="L42" s="51"/>
      <c r="M42" s="51"/>
      <c r="N42" s="51"/>
      <c r="O42" s="51"/>
      <c r="P42" s="51"/>
    </row>
    <row r="43" spans="1:16" s="28" customFormat="1" ht="22.5" customHeight="1" x14ac:dyDescent="0.25">
      <c r="A43" s="136" t="s">
        <v>24</v>
      </c>
      <c r="B43" s="136" t="s">
        <v>39</v>
      </c>
      <c r="C43" s="136" t="s">
        <v>40</v>
      </c>
      <c r="D43" s="136" t="s">
        <v>30</v>
      </c>
      <c r="E43" s="136" t="s">
        <v>32</v>
      </c>
      <c r="F43" s="136" t="s">
        <v>41</v>
      </c>
      <c r="G43" s="136" t="s">
        <v>42</v>
      </c>
      <c r="H43" s="138" t="s">
        <v>45</v>
      </c>
      <c r="I43" s="139"/>
      <c r="J43" s="139"/>
      <c r="K43" s="140" t="s">
        <v>48</v>
      </c>
      <c r="L43" s="142"/>
      <c r="M43" s="142"/>
      <c r="N43" s="34"/>
      <c r="O43" s="34"/>
      <c r="P43" s="34"/>
    </row>
    <row r="44" spans="1:16" s="28" customFormat="1" ht="22.5" customHeight="1" x14ac:dyDescent="0.25">
      <c r="A44" s="137"/>
      <c r="B44" s="137"/>
      <c r="C44" s="137"/>
      <c r="D44" s="137"/>
      <c r="E44" s="137"/>
      <c r="F44" s="137"/>
      <c r="G44" s="137"/>
      <c r="H44" s="35" t="s">
        <v>26</v>
      </c>
      <c r="I44" s="36" t="s">
        <v>27</v>
      </c>
      <c r="J44" s="73" t="s">
        <v>28</v>
      </c>
      <c r="K44" s="141"/>
      <c r="L44" s="37"/>
      <c r="M44" s="37"/>
      <c r="N44" s="34"/>
      <c r="O44" s="34"/>
      <c r="P44" s="34"/>
    </row>
    <row r="45" spans="1:16" s="89" customFormat="1" ht="14.1" customHeight="1" x14ac:dyDescent="0.25">
      <c r="A45" s="82" t="s">
        <v>0</v>
      </c>
      <c r="B45" s="83" t="s">
        <v>12</v>
      </c>
      <c r="C45" s="83" t="s">
        <v>13</v>
      </c>
      <c r="D45" s="83" t="s">
        <v>14</v>
      </c>
      <c r="E45" s="90" t="s">
        <v>15</v>
      </c>
      <c r="F45" s="84" t="s">
        <v>16</v>
      </c>
      <c r="G45" s="79" t="s">
        <v>17</v>
      </c>
      <c r="H45" s="85" t="s">
        <v>18</v>
      </c>
      <c r="I45" s="86" t="s">
        <v>19</v>
      </c>
      <c r="J45" s="87" t="s">
        <v>35</v>
      </c>
      <c r="K45" s="88" t="s">
        <v>36</v>
      </c>
      <c r="L45" s="81"/>
      <c r="M45" s="81"/>
      <c r="N45" s="81"/>
      <c r="O45" s="81"/>
      <c r="P45" s="81"/>
    </row>
    <row r="46" spans="1:16" s="29" customFormat="1" ht="24.95" customHeight="1" x14ac:dyDescent="0.25">
      <c r="A46" s="67" t="s">
        <v>0</v>
      </c>
      <c r="B46" s="52"/>
      <c r="C46" s="53"/>
      <c r="D46" s="65"/>
      <c r="E46" s="65"/>
      <c r="F46" s="65"/>
      <c r="G46" s="65"/>
      <c r="H46" s="54"/>
      <c r="I46" s="55"/>
      <c r="J46" s="74"/>
      <c r="K46" s="143"/>
      <c r="L46" s="77"/>
      <c r="M46" s="77"/>
      <c r="N46" s="37"/>
      <c r="O46" s="37"/>
      <c r="P46" s="37"/>
    </row>
    <row r="47" spans="1:16" s="29" customFormat="1" ht="24.95" customHeight="1" x14ac:dyDescent="0.25">
      <c r="A47" s="66" t="s">
        <v>12</v>
      </c>
      <c r="B47" s="56"/>
      <c r="C47" s="57"/>
      <c r="D47" s="66"/>
      <c r="E47" s="66"/>
      <c r="F47" s="66"/>
      <c r="G47" s="67"/>
      <c r="H47" s="58"/>
      <c r="I47" s="59"/>
      <c r="J47" s="75"/>
      <c r="K47" s="144"/>
      <c r="L47" s="77"/>
      <c r="M47" s="77"/>
      <c r="N47" s="37"/>
      <c r="O47" s="37"/>
      <c r="P47" s="37"/>
    </row>
    <row r="48" spans="1:16" s="29" customFormat="1" ht="24.95" customHeight="1" x14ac:dyDescent="0.25">
      <c r="A48" s="68" t="s">
        <v>13</v>
      </c>
      <c r="B48" s="69"/>
      <c r="C48" s="70"/>
      <c r="D48" s="68"/>
      <c r="E48" s="68"/>
      <c r="F48" s="68"/>
      <c r="G48" s="68"/>
      <c r="H48" s="71"/>
      <c r="I48" s="72"/>
      <c r="J48" s="76"/>
      <c r="K48" s="145"/>
      <c r="L48" s="77"/>
      <c r="M48" s="77"/>
      <c r="N48" s="37"/>
      <c r="O48" s="37"/>
      <c r="P48" s="37"/>
    </row>
    <row r="49" spans="1:16" s="8" customFormat="1" ht="15.75" customHeight="1" x14ac:dyDescent="0.2">
      <c r="A49" s="6"/>
      <c r="B49" s="6"/>
      <c r="C49" s="6"/>
      <c r="D49" s="7"/>
      <c r="F49" s="9"/>
      <c r="G49" s="9"/>
      <c r="H49" s="9"/>
      <c r="I49" s="9"/>
      <c r="J49" s="17"/>
      <c r="K49" s="17"/>
      <c r="L49" s="17"/>
      <c r="M49" s="17"/>
    </row>
    <row r="50" spans="1:16" s="33" customFormat="1" ht="29.25" customHeight="1" x14ac:dyDescent="0.25">
      <c r="A50" s="135" t="s">
        <v>98</v>
      </c>
      <c r="B50" s="135"/>
      <c r="C50" s="135"/>
      <c r="D50" s="135"/>
      <c r="E50" s="135"/>
      <c r="F50" s="135"/>
      <c r="G50" s="135"/>
      <c r="H50" s="135"/>
      <c r="I50" s="135"/>
      <c r="J50" s="135"/>
      <c r="K50" s="135"/>
      <c r="L50" s="51"/>
      <c r="M50" s="51"/>
      <c r="N50" s="51"/>
      <c r="O50" s="51"/>
      <c r="P50" s="51"/>
    </row>
    <row r="51" spans="1:16" s="28" customFormat="1" ht="22.5" customHeight="1" x14ac:dyDescent="0.25">
      <c r="A51" s="136" t="s">
        <v>24</v>
      </c>
      <c r="B51" s="136" t="s">
        <v>39</v>
      </c>
      <c r="C51" s="136" t="s">
        <v>40</v>
      </c>
      <c r="D51" s="136" t="s">
        <v>30</v>
      </c>
      <c r="E51" s="136" t="s">
        <v>32</v>
      </c>
      <c r="F51" s="136" t="s">
        <v>41</v>
      </c>
      <c r="G51" s="136" t="s">
        <v>42</v>
      </c>
      <c r="H51" s="138" t="s">
        <v>45</v>
      </c>
      <c r="I51" s="139"/>
      <c r="J51" s="139"/>
      <c r="K51" s="140" t="s">
        <v>48</v>
      </c>
      <c r="L51" s="142"/>
      <c r="M51" s="142"/>
      <c r="N51" s="34"/>
      <c r="O51" s="34"/>
      <c r="P51" s="34"/>
    </row>
    <row r="52" spans="1:16" s="28" customFormat="1" ht="22.5" customHeight="1" x14ac:dyDescent="0.25">
      <c r="A52" s="137"/>
      <c r="B52" s="137"/>
      <c r="C52" s="137"/>
      <c r="D52" s="137"/>
      <c r="E52" s="137"/>
      <c r="F52" s="137"/>
      <c r="G52" s="137"/>
      <c r="H52" s="35" t="s">
        <v>26</v>
      </c>
      <c r="I52" s="36" t="s">
        <v>27</v>
      </c>
      <c r="J52" s="73" t="s">
        <v>28</v>
      </c>
      <c r="K52" s="141"/>
      <c r="L52" s="37"/>
      <c r="M52" s="37"/>
      <c r="N52" s="34"/>
      <c r="O52" s="34"/>
      <c r="P52" s="34"/>
    </row>
    <row r="53" spans="1:16" s="89" customFormat="1" ht="14.1" customHeight="1" x14ac:dyDescent="0.25">
      <c r="A53" s="82" t="s">
        <v>0</v>
      </c>
      <c r="B53" s="83" t="s">
        <v>12</v>
      </c>
      <c r="C53" s="83" t="s">
        <v>13</v>
      </c>
      <c r="D53" s="83" t="s">
        <v>14</v>
      </c>
      <c r="E53" s="90" t="s">
        <v>15</v>
      </c>
      <c r="F53" s="84" t="s">
        <v>16</v>
      </c>
      <c r="G53" s="79" t="s">
        <v>17</v>
      </c>
      <c r="H53" s="85" t="s">
        <v>18</v>
      </c>
      <c r="I53" s="86" t="s">
        <v>19</v>
      </c>
      <c r="J53" s="87" t="s">
        <v>35</v>
      </c>
      <c r="K53" s="88" t="s">
        <v>36</v>
      </c>
      <c r="L53" s="81"/>
      <c r="M53" s="81"/>
      <c r="N53" s="81"/>
      <c r="O53" s="81"/>
      <c r="P53" s="81"/>
    </row>
    <row r="54" spans="1:16" s="29" customFormat="1" ht="24.95" customHeight="1" x14ac:dyDescent="0.25">
      <c r="A54" s="67" t="s">
        <v>0</v>
      </c>
      <c r="B54" s="52"/>
      <c r="C54" s="53"/>
      <c r="D54" s="65"/>
      <c r="E54" s="65"/>
      <c r="F54" s="65"/>
      <c r="G54" s="65"/>
      <c r="H54" s="54"/>
      <c r="I54" s="55"/>
      <c r="J54" s="74"/>
      <c r="K54" s="143"/>
      <c r="L54" s="77"/>
      <c r="M54" s="77"/>
      <c r="N54" s="37"/>
      <c r="O54" s="37"/>
      <c r="P54" s="37"/>
    </row>
    <row r="55" spans="1:16" s="29" customFormat="1" ht="24.95" customHeight="1" x14ac:dyDescent="0.25">
      <c r="A55" s="66" t="s">
        <v>12</v>
      </c>
      <c r="B55" s="56"/>
      <c r="C55" s="57"/>
      <c r="D55" s="66"/>
      <c r="E55" s="66"/>
      <c r="F55" s="66"/>
      <c r="G55" s="67"/>
      <c r="H55" s="58"/>
      <c r="I55" s="59"/>
      <c r="J55" s="75"/>
      <c r="K55" s="144"/>
      <c r="L55" s="77"/>
      <c r="M55" s="77"/>
      <c r="N55" s="37"/>
      <c r="O55" s="37"/>
      <c r="P55" s="37"/>
    </row>
    <row r="56" spans="1:16" s="29" customFormat="1" ht="24.95" customHeight="1" x14ac:dyDescent="0.25">
      <c r="A56" s="68" t="s">
        <v>13</v>
      </c>
      <c r="B56" s="69"/>
      <c r="C56" s="70"/>
      <c r="D56" s="68"/>
      <c r="E56" s="68"/>
      <c r="F56" s="68"/>
      <c r="G56" s="68"/>
      <c r="H56" s="71"/>
      <c r="I56" s="72"/>
      <c r="J56" s="76"/>
      <c r="K56" s="145"/>
      <c r="L56" s="77"/>
      <c r="M56" s="77"/>
      <c r="N56" s="37"/>
      <c r="O56" s="37"/>
      <c r="P56" s="37"/>
    </row>
    <row r="57" spans="1:16" s="8" customFormat="1" ht="15.75" customHeight="1" x14ac:dyDescent="0.2">
      <c r="A57" s="6"/>
      <c r="B57" s="6"/>
      <c r="C57" s="6"/>
      <c r="D57" s="7"/>
      <c r="F57" s="9"/>
      <c r="G57" s="9"/>
      <c r="H57" s="9"/>
      <c r="I57" s="9"/>
      <c r="J57" s="17"/>
      <c r="K57" s="17"/>
      <c r="L57" s="17"/>
      <c r="M57" s="17"/>
    </row>
    <row r="58" spans="1:16" s="33" customFormat="1" ht="29.25" customHeight="1" x14ac:dyDescent="0.25">
      <c r="A58" s="135" t="s">
        <v>100</v>
      </c>
      <c r="B58" s="135"/>
      <c r="C58" s="135"/>
      <c r="D58" s="135"/>
      <c r="E58" s="135"/>
      <c r="F58" s="135"/>
      <c r="G58" s="135"/>
      <c r="H58" s="135"/>
      <c r="I58" s="135"/>
      <c r="J58" s="135"/>
      <c r="K58" s="135"/>
      <c r="L58" s="51"/>
      <c r="M58" s="51"/>
      <c r="N58" s="51"/>
      <c r="O58" s="51"/>
      <c r="P58" s="51"/>
    </row>
    <row r="59" spans="1:16" s="28" customFormat="1" ht="22.5" customHeight="1" x14ac:dyDescent="0.25">
      <c r="A59" s="136" t="s">
        <v>24</v>
      </c>
      <c r="B59" s="136" t="s">
        <v>39</v>
      </c>
      <c r="C59" s="136" t="s">
        <v>40</v>
      </c>
      <c r="D59" s="136" t="s">
        <v>30</v>
      </c>
      <c r="E59" s="136" t="s">
        <v>32</v>
      </c>
      <c r="F59" s="136" t="s">
        <v>41</v>
      </c>
      <c r="G59" s="136" t="s">
        <v>42</v>
      </c>
      <c r="H59" s="138" t="s">
        <v>45</v>
      </c>
      <c r="I59" s="139"/>
      <c r="J59" s="139"/>
      <c r="K59" s="140" t="s">
        <v>48</v>
      </c>
      <c r="L59" s="142"/>
      <c r="M59" s="142"/>
      <c r="N59" s="34"/>
      <c r="O59" s="34"/>
      <c r="P59" s="34"/>
    </row>
    <row r="60" spans="1:16" s="28" customFormat="1" ht="22.5" customHeight="1" x14ac:dyDescent="0.25">
      <c r="A60" s="137"/>
      <c r="B60" s="137"/>
      <c r="C60" s="137"/>
      <c r="D60" s="137"/>
      <c r="E60" s="137"/>
      <c r="F60" s="137"/>
      <c r="G60" s="137"/>
      <c r="H60" s="35" t="s">
        <v>26</v>
      </c>
      <c r="I60" s="36" t="s">
        <v>27</v>
      </c>
      <c r="J60" s="73" t="s">
        <v>28</v>
      </c>
      <c r="K60" s="141"/>
      <c r="L60" s="37"/>
      <c r="M60" s="37"/>
      <c r="N60" s="34"/>
      <c r="O60" s="34"/>
      <c r="P60" s="34"/>
    </row>
    <row r="61" spans="1:16" s="89" customFormat="1" ht="14.1" customHeight="1" x14ac:dyDescent="0.25">
      <c r="A61" s="82" t="s">
        <v>0</v>
      </c>
      <c r="B61" s="83" t="s">
        <v>12</v>
      </c>
      <c r="C61" s="83" t="s">
        <v>13</v>
      </c>
      <c r="D61" s="83" t="s">
        <v>14</v>
      </c>
      <c r="E61" s="90" t="s">
        <v>15</v>
      </c>
      <c r="F61" s="84" t="s">
        <v>16</v>
      </c>
      <c r="G61" s="79" t="s">
        <v>17</v>
      </c>
      <c r="H61" s="85" t="s">
        <v>18</v>
      </c>
      <c r="I61" s="86" t="s">
        <v>19</v>
      </c>
      <c r="J61" s="87" t="s">
        <v>35</v>
      </c>
      <c r="K61" s="88" t="s">
        <v>36</v>
      </c>
      <c r="L61" s="81"/>
      <c r="M61" s="81"/>
      <c r="N61" s="81"/>
      <c r="O61" s="81"/>
      <c r="P61" s="81"/>
    </row>
    <row r="62" spans="1:16" s="29" customFormat="1" ht="24.95" customHeight="1" x14ac:dyDescent="0.25">
      <c r="A62" s="67" t="s">
        <v>0</v>
      </c>
      <c r="B62" s="52"/>
      <c r="C62" s="53"/>
      <c r="D62" s="65"/>
      <c r="E62" s="65"/>
      <c r="F62" s="65"/>
      <c r="G62" s="65"/>
      <c r="H62" s="54"/>
      <c r="I62" s="55"/>
      <c r="J62" s="74"/>
      <c r="K62" s="143"/>
      <c r="L62" s="77"/>
      <c r="M62" s="77"/>
      <c r="N62" s="37"/>
      <c r="O62" s="37"/>
      <c r="P62" s="37"/>
    </row>
    <row r="63" spans="1:16" s="29" customFormat="1" ht="24.95" customHeight="1" x14ac:dyDescent="0.25">
      <c r="A63" s="66" t="s">
        <v>12</v>
      </c>
      <c r="B63" s="56"/>
      <c r="C63" s="57"/>
      <c r="D63" s="66"/>
      <c r="E63" s="66"/>
      <c r="F63" s="66"/>
      <c r="G63" s="67"/>
      <c r="H63" s="58"/>
      <c r="I63" s="59"/>
      <c r="J63" s="75"/>
      <c r="K63" s="144"/>
      <c r="L63" s="77"/>
      <c r="M63" s="77"/>
      <c r="N63" s="37"/>
      <c r="O63" s="37"/>
      <c r="P63" s="37"/>
    </row>
    <row r="64" spans="1:16" s="29" customFormat="1" ht="24.95" customHeight="1" x14ac:dyDescent="0.25">
      <c r="A64" s="68" t="s">
        <v>13</v>
      </c>
      <c r="B64" s="69"/>
      <c r="C64" s="70"/>
      <c r="D64" s="68"/>
      <c r="E64" s="68"/>
      <c r="F64" s="68"/>
      <c r="G64" s="68"/>
      <c r="H64" s="71"/>
      <c r="I64" s="72"/>
      <c r="J64" s="76"/>
      <c r="K64" s="145"/>
      <c r="L64" s="77"/>
      <c r="M64" s="77"/>
      <c r="N64" s="37"/>
      <c r="O64" s="37"/>
      <c r="P64" s="37"/>
    </row>
    <row r="65" spans="1:16" s="8" customFormat="1" ht="15.75" customHeight="1" x14ac:dyDescent="0.2">
      <c r="A65" s="6"/>
      <c r="B65" s="6"/>
      <c r="C65" s="6"/>
      <c r="D65" s="7"/>
      <c r="F65" s="9"/>
      <c r="G65" s="9"/>
      <c r="H65" s="9"/>
      <c r="I65" s="9"/>
      <c r="J65" s="17"/>
      <c r="K65" s="17"/>
      <c r="L65" s="17"/>
      <c r="M65" s="17"/>
    </row>
    <row r="66" spans="1:16" s="33" customFormat="1" ht="29.25" customHeight="1" x14ac:dyDescent="0.25">
      <c r="A66" s="135" t="s">
        <v>102</v>
      </c>
      <c r="B66" s="135"/>
      <c r="C66" s="135"/>
      <c r="D66" s="135"/>
      <c r="E66" s="135"/>
      <c r="F66" s="135"/>
      <c r="G66" s="135"/>
      <c r="H66" s="135"/>
      <c r="I66" s="135"/>
      <c r="J66" s="135"/>
      <c r="K66" s="135"/>
      <c r="L66" s="51"/>
      <c r="M66" s="51"/>
      <c r="N66" s="51"/>
      <c r="O66" s="51"/>
      <c r="P66" s="51"/>
    </row>
    <row r="67" spans="1:16" s="28" customFormat="1" ht="22.5" customHeight="1" x14ac:dyDescent="0.25">
      <c r="A67" s="136" t="s">
        <v>24</v>
      </c>
      <c r="B67" s="136" t="s">
        <v>39</v>
      </c>
      <c r="C67" s="136" t="s">
        <v>40</v>
      </c>
      <c r="D67" s="136" t="s">
        <v>30</v>
      </c>
      <c r="E67" s="136" t="s">
        <v>32</v>
      </c>
      <c r="F67" s="136" t="s">
        <v>41</v>
      </c>
      <c r="G67" s="136" t="s">
        <v>42</v>
      </c>
      <c r="H67" s="138" t="s">
        <v>45</v>
      </c>
      <c r="I67" s="139"/>
      <c r="J67" s="139"/>
      <c r="K67" s="140" t="s">
        <v>48</v>
      </c>
      <c r="L67" s="142"/>
      <c r="M67" s="142"/>
      <c r="N67" s="34"/>
      <c r="O67" s="34"/>
      <c r="P67" s="34"/>
    </row>
    <row r="68" spans="1:16" s="28" customFormat="1" ht="22.5" customHeight="1" x14ac:dyDescent="0.25">
      <c r="A68" s="137"/>
      <c r="B68" s="137"/>
      <c r="C68" s="137"/>
      <c r="D68" s="137"/>
      <c r="E68" s="137"/>
      <c r="F68" s="137"/>
      <c r="G68" s="137"/>
      <c r="H68" s="35" t="s">
        <v>26</v>
      </c>
      <c r="I68" s="36" t="s">
        <v>27</v>
      </c>
      <c r="J68" s="73" t="s">
        <v>28</v>
      </c>
      <c r="K68" s="141"/>
      <c r="L68" s="37"/>
      <c r="M68" s="37"/>
      <c r="N68" s="34"/>
      <c r="O68" s="34"/>
      <c r="P68" s="34"/>
    </row>
    <row r="69" spans="1:16" s="89" customFormat="1" ht="14.1" customHeight="1" x14ac:dyDescent="0.25">
      <c r="A69" s="82" t="s">
        <v>0</v>
      </c>
      <c r="B69" s="83" t="s">
        <v>12</v>
      </c>
      <c r="C69" s="83" t="s">
        <v>13</v>
      </c>
      <c r="D69" s="83" t="s">
        <v>14</v>
      </c>
      <c r="E69" s="90" t="s">
        <v>15</v>
      </c>
      <c r="F69" s="84" t="s">
        <v>16</v>
      </c>
      <c r="G69" s="79" t="s">
        <v>17</v>
      </c>
      <c r="H69" s="85" t="s">
        <v>18</v>
      </c>
      <c r="I69" s="86" t="s">
        <v>19</v>
      </c>
      <c r="J69" s="87" t="s">
        <v>35</v>
      </c>
      <c r="K69" s="88" t="s">
        <v>36</v>
      </c>
      <c r="L69" s="81"/>
      <c r="M69" s="81"/>
      <c r="N69" s="81"/>
      <c r="O69" s="81"/>
      <c r="P69" s="81"/>
    </row>
    <row r="70" spans="1:16" s="29" customFormat="1" ht="24.95" customHeight="1" x14ac:dyDescent="0.25">
      <c r="A70" s="67" t="s">
        <v>0</v>
      </c>
      <c r="B70" s="52"/>
      <c r="C70" s="53"/>
      <c r="D70" s="65"/>
      <c r="E70" s="65"/>
      <c r="F70" s="65"/>
      <c r="G70" s="65"/>
      <c r="H70" s="54"/>
      <c r="I70" s="55"/>
      <c r="J70" s="74"/>
      <c r="K70" s="143"/>
      <c r="L70" s="77"/>
      <c r="M70" s="77"/>
      <c r="N70" s="37"/>
      <c r="O70" s="37"/>
      <c r="P70" s="37"/>
    </row>
    <row r="71" spans="1:16" s="29" customFormat="1" ht="24.95" customHeight="1" x14ac:dyDescent="0.25">
      <c r="A71" s="66" t="s">
        <v>12</v>
      </c>
      <c r="B71" s="56"/>
      <c r="C71" s="57"/>
      <c r="D71" s="66"/>
      <c r="E71" s="66"/>
      <c r="F71" s="66"/>
      <c r="G71" s="67"/>
      <c r="H71" s="58"/>
      <c r="I71" s="59"/>
      <c r="J71" s="75"/>
      <c r="K71" s="144"/>
      <c r="L71" s="77"/>
      <c r="M71" s="77"/>
      <c r="N71" s="37"/>
      <c r="O71" s="37"/>
      <c r="P71" s="37"/>
    </row>
    <row r="72" spans="1:16" s="29" customFormat="1" ht="24.95" customHeight="1" x14ac:dyDescent="0.25">
      <c r="A72" s="68" t="s">
        <v>13</v>
      </c>
      <c r="B72" s="69"/>
      <c r="C72" s="70"/>
      <c r="D72" s="68"/>
      <c r="E72" s="68"/>
      <c r="F72" s="68"/>
      <c r="G72" s="68"/>
      <c r="H72" s="71"/>
      <c r="I72" s="72"/>
      <c r="J72" s="76"/>
      <c r="K72" s="145"/>
      <c r="L72" s="77"/>
      <c r="M72" s="77"/>
      <c r="N72" s="37"/>
      <c r="O72" s="37"/>
      <c r="P72" s="37"/>
    </row>
    <row r="73" spans="1:16" s="8" customFormat="1" ht="15.75" customHeight="1" x14ac:dyDescent="0.2">
      <c r="A73" s="6"/>
      <c r="B73" s="6"/>
      <c r="C73" s="6"/>
      <c r="D73" s="7"/>
      <c r="F73" s="9"/>
      <c r="G73" s="9"/>
      <c r="H73" s="9"/>
      <c r="I73" s="9"/>
      <c r="J73" s="17"/>
      <c r="K73" s="17"/>
      <c r="L73" s="17"/>
      <c r="M73" s="17"/>
    </row>
    <row r="74" spans="1:16" s="33" customFormat="1" ht="29.25" customHeight="1" x14ac:dyDescent="0.25">
      <c r="A74" s="135" t="s">
        <v>103</v>
      </c>
      <c r="B74" s="135"/>
      <c r="C74" s="135"/>
      <c r="D74" s="135"/>
      <c r="E74" s="135"/>
      <c r="F74" s="135"/>
      <c r="G74" s="135"/>
      <c r="H74" s="135"/>
      <c r="I74" s="135"/>
      <c r="J74" s="135"/>
      <c r="K74" s="135"/>
      <c r="L74" s="51"/>
      <c r="M74" s="51"/>
      <c r="N74" s="51"/>
      <c r="O74" s="51"/>
      <c r="P74" s="51"/>
    </row>
    <row r="75" spans="1:16" s="28" customFormat="1" ht="22.5" customHeight="1" x14ac:dyDescent="0.25">
      <c r="A75" s="136" t="s">
        <v>24</v>
      </c>
      <c r="B75" s="136" t="s">
        <v>39</v>
      </c>
      <c r="C75" s="136" t="s">
        <v>40</v>
      </c>
      <c r="D75" s="136" t="s">
        <v>30</v>
      </c>
      <c r="E75" s="136" t="s">
        <v>32</v>
      </c>
      <c r="F75" s="136" t="s">
        <v>41</v>
      </c>
      <c r="G75" s="136" t="s">
        <v>42</v>
      </c>
      <c r="H75" s="138" t="s">
        <v>45</v>
      </c>
      <c r="I75" s="139"/>
      <c r="J75" s="139"/>
      <c r="K75" s="140" t="s">
        <v>48</v>
      </c>
      <c r="L75" s="142"/>
      <c r="M75" s="142"/>
      <c r="N75" s="34"/>
      <c r="O75" s="34"/>
      <c r="P75" s="34"/>
    </row>
    <row r="76" spans="1:16" s="28" customFormat="1" ht="22.5" customHeight="1" x14ac:dyDescent="0.25">
      <c r="A76" s="137"/>
      <c r="B76" s="137"/>
      <c r="C76" s="137"/>
      <c r="D76" s="137"/>
      <c r="E76" s="137"/>
      <c r="F76" s="137"/>
      <c r="G76" s="137"/>
      <c r="H76" s="35" t="s">
        <v>26</v>
      </c>
      <c r="I76" s="36" t="s">
        <v>27</v>
      </c>
      <c r="J76" s="73" t="s">
        <v>28</v>
      </c>
      <c r="K76" s="141"/>
      <c r="L76" s="37"/>
      <c r="M76" s="37"/>
      <c r="N76" s="34"/>
      <c r="O76" s="34"/>
      <c r="P76" s="34"/>
    </row>
    <row r="77" spans="1:16" s="89" customFormat="1" ht="14.1" customHeight="1" x14ac:dyDescent="0.25">
      <c r="A77" s="82" t="s">
        <v>0</v>
      </c>
      <c r="B77" s="83" t="s">
        <v>12</v>
      </c>
      <c r="C77" s="83" t="s">
        <v>13</v>
      </c>
      <c r="D77" s="83" t="s">
        <v>14</v>
      </c>
      <c r="E77" s="90" t="s">
        <v>15</v>
      </c>
      <c r="F77" s="84" t="s">
        <v>16</v>
      </c>
      <c r="G77" s="79" t="s">
        <v>17</v>
      </c>
      <c r="H77" s="85" t="s">
        <v>18</v>
      </c>
      <c r="I77" s="86" t="s">
        <v>19</v>
      </c>
      <c r="J77" s="87" t="s">
        <v>35</v>
      </c>
      <c r="K77" s="88" t="s">
        <v>36</v>
      </c>
      <c r="L77" s="81"/>
      <c r="M77" s="81"/>
      <c r="N77" s="81"/>
      <c r="O77" s="81"/>
      <c r="P77" s="81"/>
    </row>
    <row r="78" spans="1:16" s="29" customFormat="1" ht="24.95" customHeight="1" x14ac:dyDescent="0.25">
      <c r="A78" s="67" t="s">
        <v>0</v>
      </c>
      <c r="B78" s="52"/>
      <c r="C78" s="53"/>
      <c r="D78" s="65"/>
      <c r="E78" s="65"/>
      <c r="F78" s="65"/>
      <c r="G78" s="65"/>
      <c r="H78" s="54"/>
      <c r="I78" s="55"/>
      <c r="J78" s="74"/>
      <c r="K78" s="143"/>
      <c r="L78" s="77"/>
      <c r="M78" s="77"/>
      <c r="N78" s="37"/>
      <c r="O78" s="37"/>
      <c r="P78" s="37"/>
    </row>
    <row r="79" spans="1:16" s="29" customFormat="1" ht="24.95" customHeight="1" x14ac:dyDescent="0.25">
      <c r="A79" s="66" t="s">
        <v>12</v>
      </c>
      <c r="B79" s="56"/>
      <c r="C79" s="57"/>
      <c r="D79" s="66"/>
      <c r="E79" s="66"/>
      <c r="F79" s="66"/>
      <c r="G79" s="67"/>
      <c r="H79" s="58"/>
      <c r="I79" s="59"/>
      <c r="J79" s="75"/>
      <c r="K79" s="144"/>
      <c r="L79" s="77"/>
      <c r="M79" s="77"/>
      <c r="N79" s="37"/>
      <c r="O79" s="37"/>
      <c r="P79" s="37"/>
    </row>
    <row r="80" spans="1:16" s="29" customFormat="1" ht="24.95" customHeight="1" x14ac:dyDescent="0.25">
      <c r="A80" s="68" t="s">
        <v>13</v>
      </c>
      <c r="B80" s="69"/>
      <c r="C80" s="70"/>
      <c r="D80" s="68"/>
      <c r="E80" s="68"/>
      <c r="F80" s="68"/>
      <c r="G80" s="68"/>
      <c r="H80" s="71"/>
      <c r="I80" s="72"/>
      <c r="J80" s="76"/>
      <c r="K80" s="145"/>
      <c r="L80" s="77"/>
      <c r="M80" s="77"/>
      <c r="N80" s="37"/>
      <c r="O80" s="37"/>
      <c r="P80" s="37"/>
    </row>
    <row r="81" spans="1:13" s="8" customFormat="1" ht="15.75" customHeight="1" x14ac:dyDescent="0.2">
      <c r="A81" s="6"/>
      <c r="B81" s="6"/>
      <c r="C81" s="6"/>
      <c r="D81" s="7"/>
      <c r="F81" s="9"/>
      <c r="G81" s="9"/>
      <c r="H81" s="9"/>
      <c r="I81" s="9"/>
      <c r="J81" s="17"/>
      <c r="K81" s="17"/>
      <c r="L81" s="17"/>
      <c r="M81" s="17"/>
    </row>
    <row r="82" spans="1:13" s="8" customFormat="1" ht="15.75" customHeight="1" x14ac:dyDescent="0.2">
      <c r="A82" s="6"/>
      <c r="B82" s="6"/>
      <c r="C82" s="6"/>
      <c r="D82" s="7"/>
      <c r="F82" s="9"/>
      <c r="G82" s="9"/>
      <c r="H82" s="9"/>
      <c r="I82" s="9"/>
      <c r="J82" s="17"/>
      <c r="K82" s="17"/>
      <c r="L82" s="17"/>
      <c r="M82" s="17"/>
    </row>
    <row r="83" spans="1:13" s="11" customFormat="1" ht="20.100000000000001" customHeight="1" x14ac:dyDescent="0.25">
      <c r="A83" s="11" t="s">
        <v>3</v>
      </c>
      <c r="C83" s="135"/>
      <c r="D83" s="135"/>
      <c r="E83" s="99" t="s">
        <v>2</v>
      </c>
      <c r="F83" s="117"/>
      <c r="G83" s="117"/>
      <c r="K83" s="17"/>
      <c r="L83" s="17"/>
    </row>
    <row r="84" spans="1:13" s="11" customFormat="1" ht="20.100000000000001" customHeight="1" x14ac:dyDescent="0.25">
      <c r="A84" s="11" t="s">
        <v>4</v>
      </c>
      <c r="C84" s="117"/>
      <c r="D84" s="117"/>
      <c r="E84" s="99" t="s">
        <v>1</v>
      </c>
      <c r="F84" s="118"/>
      <c r="G84" s="118"/>
      <c r="K84" s="14"/>
      <c r="L84" s="15"/>
    </row>
    <row r="85" spans="1:13" s="11" customFormat="1" ht="20.100000000000001" customHeight="1" x14ac:dyDescent="0.2">
      <c r="A85" s="11" t="s">
        <v>5</v>
      </c>
      <c r="C85" s="117"/>
      <c r="D85" s="117"/>
      <c r="E85" s="13"/>
      <c r="H85" s="18" t="s">
        <v>20</v>
      </c>
      <c r="I85" s="119"/>
      <c r="J85" s="119"/>
      <c r="L85" s="15"/>
    </row>
    <row r="86" spans="1:13" s="11" customFormat="1" ht="20.100000000000001" customHeight="1" x14ac:dyDescent="0.2">
      <c r="D86" s="12"/>
      <c r="H86" s="19"/>
      <c r="I86" s="20"/>
      <c r="J86" s="20"/>
      <c r="L86" s="15"/>
    </row>
    <row r="87" spans="1:13" s="11" customFormat="1" ht="20.100000000000001" customHeight="1" x14ac:dyDescent="0.25">
      <c r="A87" s="11" t="s">
        <v>6</v>
      </c>
      <c r="C87" s="135"/>
      <c r="D87" s="135"/>
      <c r="H87" s="21" t="s">
        <v>21</v>
      </c>
      <c r="I87" s="120"/>
      <c r="J87" s="120"/>
      <c r="L87" s="15"/>
    </row>
    <row r="88" spans="1:13" s="11" customFormat="1" ht="20.100000000000001" customHeight="1" x14ac:dyDescent="0.25">
      <c r="A88" s="11" t="s">
        <v>7</v>
      </c>
      <c r="C88" s="117"/>
      <c r="D88" s="117"/>
      <c r="E88" s="13"/>
      <c r="H88" s="21" t="s">
        <v>22</v>
      </c>
      <c r="I88" s="121"/>
      <c r="J88" s="121"/>
      <c r="L88" s="15"/>
    </row>
    <row r="89" spans="1:13" s="11" customFormat="1" ht="20.100000000000001" customHeight="1" x14ac:dyDescent="0.25">
      <c r="A89" s="11" t="s">
        <v>8</v>
      </c>
      <c r="C89" s="117"/>
      <c r="D89" s="117"/>
      <c r="E89" s="13"/>
      <c r="H89" s="22" t="s">
        <v>23</v>
      </c>
      <c r="I89" s="23"/>
      <c r="J89" s="23"/>
    </row>
    <row r="90" spans="1:13" s="11" customFormat="1" ht="20.100000000000001" customHeight="1" x14ac:dyDescent="0.25">
      <c r="A90" s="12"/>
      <c r="B90" s="12"/>
      <c r="C90" s="12"/>
      <c r="D90" s="13"/>
      <c r="E90" s="13"/>
    </row>
    <row r="91" spans="1:13" s="11" customFormat="1" ht="20.100000000000001" customHeight="1" x14ac:dyDescent="0.2">
      <c r="A91" s="146" t="s">
        <v>10</v>
      </c>
      <c r="B91" s="146"/>
      <c r="C91" s="12"/>
      <c r="D91" s="13"/>
      <c r="E91" s="13"/>
    </row>
    <row r="92" spans="1:13" s="8" customFormat="1" ht="20.100000000000001" customHeight="1" x14ac:dyDescent="0.2">
      <c r="A92" s="24"/>
      <c r="B92" s="25" t="s">
        <v>11</v>
      </c>
      <c r="D92" s="7"/>
      <c r="E92" s="7"/>
      <c r="F92" s="9"/>
      <c r="M92" s="6"/>
    </row>
  </sheetData>
  <mergeCells count="120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8:K18"/>
    <mergeCell ref="A19:A20"/>
    <mergeCell ref="B19:B20"/>
    <mergeCell ref="C19:C20"/>
    <mergeCell ref="D19:D20"/>
    <mergeCell ref="E19:E20"/>
    <mergeCell ref="F19:F20"/>
    <mergeCell ref="G19:G20"/>
    <mergeCell ref="F27:F28"/>
    <mergeCell ref="G27:G28"/>
    <mergeCell ref="H27:J27"/>
    <mergeCell ref="K27:K28"/>
    <mergeCell ref="L27:M27"/>
    <mergeCell ref="K30:K32"/>
    <mergeCell ref="H19:J19"/>
    <mergeCell ref="K19:K20"/>
    <mergeCell ref="L19:M19"/>
    <mergeCell ref="K22:K24"/>
    <mergeCell ref="A26:K26"/>
    <mergeCell ref="A27:A28"/>
    <mergeCell ref="B27:B28"/>
    <mergeCell ref="C27:C28"/>
    <mergeCell ref="D27:D28"/>
    <mergeCell ref="E27:E28"/>
    <mergeCell ref="A34:K34"/>
    <mergeCell ref="A35:A36"/>
    <mergeCell ref="B35:B36"/>
    <mergeCell ref="C35:C36"/>
    <mergeCell ref="D35:D36"/>
    <mergeCell ref="E35:E36"/>
    <mergeCell ref="F35:F36"/>
    <mergeCell ref="G35:G36"/>
    <mergeCell ref="H35:J35"/>
    <mergeCell ref="K35:K36"/>
    <mergeCell ref="L35:M35"/>
    <mergeCell ref="K38:K40"/>
    <mergeCell ref="A42:K42"/>
    <mergeCell ref="A43:A44"/>
    <mergeCell ref="B43:B44"/>
    <mergeCell ref="C43:C44"/>
    <mergeCell ref="D43:D44"/>
    <mergeCell ref="E43:E44"/>
    <mergeCell ref="F43:F44"/>
    <mergeCell ref="G43:G44"/>
    <mergeCell ref="H43:J43"/>
    <mergeCell ref="K43:K44"/>
    <mergeCell ref="L43:M43"/>
    <mergeCell ref="K46:K48"/>
    <mergeCell ref="C83:D83"/>
    <mergeCell ref="F83:G83"/>
    <mergeCell ref="F51:F52"/>
    <mergeCell ref="G51:G52"/>
    <mergeCell ref="H51:J51"/>
    <mergeCell ref="K51:K52"/>
    <mergeCell ref="C88:D88"/>
    <mergeCell ref="I88:J88"/>
    <mergeCell ref="C89:D89"/>
    <mergeCell ref="A91:B91"/>
    <mergeCell ref="A50:K50"/>
    <mergeCell ref="A51:A52"/>
    <mergeCell ref="B51:B52"/>
    <mergeCell ref="C51:C52"/>
    <mergeCell ref="D51:D52"/>
    <mergeCell ref="E51:E52"/>
    <mergeCell ref="C84:D84"/>
    <mergeCell ref="F84:G84"/>
    <mergeCell ref="C85:D85"/>
    <mergeCell ref="I85:J85"/>
    <mergeCell ref="C87:D87"/>
    <mergeCell ref="I87:J87"/>
    <mergeCell ref="F67:F68"/>
    <mergeCell ref="G67:G68"/>
    <mergeCell ref="H67:J67"/>
    <mergeCell ref="K67:K68"/>
    <mergeCell ref="L51:M51"/>
    <mergeCell ref="K54:K56"/>
    <mergeCell ref="A58:K58"/>
    <mergeCell ref="A59:A60"/>
    <mergeCell ref="B59:B60"/>
    <mergeCell ref="C59:C60"/>
    <mergeCell ref="D59:D60"/>
    <mergeCell ref="E59:E60"/>
    <mergeCell ref="F59:F60"/>
    <mergeCell ref="G59:G60"/>
    <mergeCell ref="L67:M67"/>
    <mergeCell ref="K70:K72"/>
    <mergeCell ref="H59:J59"/>
    <mergeCell ref="K59:K60"/>
    <mergeCell ref="L59:M59"/>
    <mergeCell ref="K62:K64"/>
    <mergeCell ref="A66:K66"/>
    <mergeCell ref="A67:A68"/>
    <mergeCell ref="B67:B68"/>
    <mergeCell ref="C67:C68"/>
    <mergeCell ref="D67:D68"/>
    <mergeCell ref="E67:E68"/>
    <mergeCell ref="L75:M75"/>
    <mergeCell ref="K78:K80"/>
    <mergeCell ref="A74:K74"/>
    <mergeCell ref="A75:A76"/>
    <mergeCell ref="B75:B76"/>
    <mergeCell ref="C75:C76"/>
    <mergeCell ref="D75:D76"/>
    <mergeCell ref="E75:E76"/>
    <mergeCell ref="F75:F76"/>
    <mergeCell ref="G75:G76"/>
    <mergeCell ref="H75:J75"/>
    <mergeCell ref="K75:K76"/>
  </mergeCells>
  <conditionalFormatting sqref="F83:G83">
    <cfRule type="containsBlanks" dxfId="17" priority="6">
      <formula>LEN(TRIM(F83))=0</formula>
    </cfRule>
  </conditionalFormatting>
  <conditionalFormatting sqref="I87:J87">
    <cfRule type="containsBlanks" dxfId="16" priority="4">
      <formula>LEN(TRIM(I87))=0</formula>
    </cfRule>
  </conditionalFormatting>
  <conditionalFormatting sqref="I88:J88">
    <cfRule type="containsBlanks" dxfId="15" priority="3">
      <formula>LEN(TRIM(I88))=0</formula>
    </cfRule>
  </conditionalFormatting>
  <conditionalFormatting sqref="C83:D85">
    <cfRule type="containsBlanks" dxfId="14" priority="2">
      <formula>LEN(TRIM(C83))=0</formula>
    </cfRule>
  </conditionalFormatting>
  <conditionalFormatting sqref="C87:D89">
    <cfRule type="containsBlanks" dxfId="13" priority="1">
      <formula>LEN(TRIM(C87))=0</formula>
    </cfRule>
  </conditionalFormatting>
  <conditionalFormatting sqref="F84:G84">
    <cfRule type="containsBlanks" dxfId="12" priority="5">
      <formula>LEN(TRIM(F84))=0</formula>
    </cfRule>
  </conditionalFormatting>
  <printOptions horizontalCentered="1"/>
  <pageMargins left="0.55118110236220474" right="0.55118110236220474" top="0.59055118110236227" bottom="0.59055118110236227" header="0.51181102362204722" footer="0.51181102362204722"/>
  <pageSetup paperSize="9" scale="66" fitToHeight="0" orientation="landscape" r:id="rId1"/>
  <headerFooter alignWithMargins="0"/>
  <rowBreaks count="2" manualBreakCount="2">
    <brk id="25" max="12" man="1"/>
    <brk id="57" max="12" man="1"/>
  </rowBreaks>
  <colBreaks count="1" manualBreakCount="1">
    <brk id="13" max="1048575" man="1"/>
  </col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E1E9638-5FD2-4FCC-B24C-732DD3E0EEF8}">
  <sheetPr>
    <tabColor theme="4" tint="0.79998168889431442"/>
    <pageSetUpPr fitToPage="1"/>
  </sheetPr>
  <dimension ref="A1:V56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3" customWidth="1"/>
    <col min="2" max="2" width="29" style="3" customWidth="1"/>
    <col min="3" max="3" width="15.85546875" style="3" customWidth="1"/>
    <col min="4" max="4" width="16.42578125" style="4" customWidth="1"/>
    <col min="5" max="5" width="17" style="4" customWidth="1"/>
    <col min="6" max="6" width="15" style="2" customWidth="1"/>
    <col min="7" max="10" width="14.7109375" style="2" customWidth="1"/>
    <col min="11" max="11" width="14.7109375" style="5" customWidth="1"/>
    <col min="12" max="12" width="14.7109375" style="2" customWidth="1"/>
    <col min="13" max="13" width="15" style="2" customWidth="1"/>
    <col min="14" max="14" width="14.7109375" style="2" customWidth="1"/>
    <col min="15" max="16384" width="9.140625" style="2"/>
  </cols>
  <sheetData>
    <row r="1" spans="1:22" s="27" customFormat="1" ht="20.100000000000001" customHeight="1" x14ac:dyDescent="0.2">
      <c r="A1" s="122" t="s">
        <v>113</v>
      </c>
      <c r="B1" s="122"/>
      <c r="C1" s="122"/>
      <c r="D1" s="122"/>
      <c r="E1" s="122"/>
      <c r="F1" s="122"/>
      <c r="G1" s="122"/>
      <c r="H1" s="122"/>
      <c r="I1" s="122"/>
      <c r="J1" s="122"/>
      <c r="K1" s="122"/>
      <c r="L1" s="122"/>
      <c r="M1" s="122"/>
      <c r="N1" s="2"/>
      <c r="O1" s="2"/>
      <c r="P1" s="2"/>
      <c r="Q1" s="2"/>
      <c r="R1" s="2"/>
      <c r="S1" s="2"/>
      <c r="T1" s="2"/>
      <c r="U1" s="2"/>
      <c r="V1" s="26"/>
    </row>
    <row r="2" spans="1:22" ht="24.95" customHeight="1" x14ac:dyDescent="0.2">
      <c r="A2" s="16" t="s">
        <v>9</v>
      </c>
      <c r="B2" s="1"/>
      <c r="C2" s="10"/>
      <c r="D2" s="10"/>
      <c r="E2" s="10"/>
      <c r="F2" s="10"/>
      <c r="G2" s="10"/>
      <c r="H2" s="10"/>
      <c r="I2" s="10"/>
      <c r="J2" s="10"/>
      <c r="K2" s="10"/>
      <c r="L2" s="10"/>
    </row>
    <row r="3" spans="1:22" ht="24.95" customHeight="1" x14ac:dyDescent="0.2">
      <c r="A3" s="123" t="s">
        <v>105</v>
      </c>
      <c r="B3" s="123"/>
      <c r="C3" s="123"/>
      <c r="D3" s="123"/>
      <c r="E3" s="123"/>
      <c r="F3" s="123"/>
      <c r="G3" s="123"/>
      <c r="H3" s="123"/>
      <c r="I3" s="123"/>
      <c r="J3" s="123"/>
      <c r="K3" s="123"/>
      <c r="L3" s="123"/>
    </row>
    <row r="4" spans="1:22" ht="14.25" customHeight="1" x14ac:dyDescent="0.2">
      <c r="A4" s="114"/>
      <c r="B4" s="114"/>
      <c r="C4" s="114"/>
      <c r="D4" s="114"/>
      <c r="E4" s="114"/>
      <c r="F4" s="114"/>
      <c r="G4" s="114"/>
      <c r="H4" s="114"/>
      <c r="I4" s="114"/>
      <c r="J4" s="114"/>
      <c r="K4" s="114"/>
      <c r="L4" s="114"/>
    </row>
    <row r="5" spans="1:22" ht="24.95" customHeight="1" x14ac:dyDescent="0.2">
      <c r="A5" s="123" t="s">
        <v>114</v>
      </c>
      <c r="B5" s="123"/>
      <c r="C5" s="123"/>
      <c r="D5" s="123"/>
      <c r="E5" s="123"/>
      <c r="F5" s="123"/>
      <c r="G5" s="123"/>
      <c r="H5" s="123"/>
      <c r="I5" s="123"/>
      <c r="J5" s="123"/>
      <c r="K5" s="123"/>
      <c r="L5" s="123"/>
    </row>
    <row r="6" spans="1:22" s="30" customFormat="1" ht="33" customHeight="1" x14ac:dyDescent="0.25">
      <c r="A6" s="124" t="s">
        <v>24</v>
      </c>
      <c r="B6" s="126" t="s">
        <v>25</v>
      </c>
      <c r="C6" s="124" t="s">
        <v>43</v>
      </c>
      <c r="D6" s="128" t="s">
        <v>49</v>
      </c>
      <c r="E6" s="130" t="s">
        <v>29</v>
      </c>
      <c r="F6" s="130" t="s">
        <v>30</v>
      </c>
      <c r="G6" s="130" t="s">
        <v>31</v>
      </c>
      <c r="H6" s="116" t="s">
        <v>32</v>
      </c>
      <c r="I6" s="132" t="s">
        <v>33</v>
      </c>
      <c r="J6" s="133"/>
      <c r="K6" s="133"/>
      <c r="L6" s="132" t="s">
        <v>44</v>
      </c>
      <c r="M6" s="134"/>
      <c r="O6" s="34"/>
      <c r="P6" s="34"/>
    </row>
    <row r="7" spans="1:22" s="30" customFormat="1" ht="33" customHeight="1" x14ac:dyDescent="0.25">
      <c r="A7" s="125"/>
      <c r="B7" s="127"/>
      <c r="C7" s="125"/>
      <c r="D7" s="129"/>
      <c r="E7" s="131"/>
      <c r="F7" s="131"/>
      <c r="G7" s="131"/>
      <c r="H7" s="115"/>
      <c r="I7" s="60" t="s">
        <v>26</v>
      </c>
      <c r="J7" s="61" t="s">
        <v>34</v>
      </c>
      <c r="K7" s="62" t="s">
        <v>28</v>
      </c>
      <c r="L7" s="63" t="s">
        <v>26</v>
      </c>
      <c r="M7" s="64" t="s">
        <v>28</v>
      </c>
      <c r="O7" s="34"/>
      <c r="P7" s="34"/>
    </row>
    <row r="8" spans="1:22" s="80" customFormat="1" ht="14.1" customHeight="1" x14ac:dyDescent="0.25">
      <c r="A8" s="93" t="s">
        <v>0</v>
      </c>
      <c r="B8" s="93" t="s">
        <v>12</v>
      </c>
      <c r="C8" s="93" t="s">
        <v>13</v>
      </c>
      <c r="D8" s="93" t="s">
        <v>14</v>
      </c>
      <c r="E8" s="91" t="s">
        <v>15</v>
      </c>
      <c r="F8" s="79" t="s">
        <v>16</v>
      </c>
      <c r="G8" s="79" t="s">
        <v>17</v>
      </c>
      <c r="H8" s="79" t="s">
        <v>18</v>
      </c>
      <c r="I8" s="79" t="s">
        <v>19</v>
      </c>
      <c r="J8" s="79" t="s">
        <v>35</v>
      </c>
      <c r="K8" s="79" t="s">
        <v>36</v>
      </c>
      <c r="L8" s="79" t="s">
        <v>37</v>
      </c>
      <c r="M8" s="79" t="s">
        <v>38</v>
      </c>
      <c r="O8" s="81"/>
      <c r="P8" s="81"/>
    </row>
    <row r="9" spans="1:22" s="31" customFormat="1" ht="39.75" customHeight="1" x14ac:dyDescent="0.25">
      <c r="A9" s="38" t="s">
        <v>0</v>
      </c>
      <c r="B9" s="39" t="s">
        <v>115</v>
      </c>
      <c r="C9" s="92" t="s">
        <v>46</v>
      </c>
      <c r="D9" s="98"/>
      <c r="E9" s="40"/>
      <c r="F9" s="40"/>
      <c r="G9" s="40"/>
      <c r="H9" s="41"/>
      <c r="I9" s="42"/>
      <c r="J9" s="43"/>
      <c r="K9" s="44"/>
      <c r="L9" s="45"/>
      <c r="M9" s="46"/>
      <c r="O9" s="37"/>
      <c r="P9" s="37"/>
    </row>
    <row r="10" spans="1:22" s="31" customFormat="1" ht="39.75" customHeight="1" x14ac:dyDescent="0.25">
      <c r="A10" s="38" t="s">
        <v>12</v>
      </c>
      <c r="B10" s="39" t="s">
        <v>116</v>
      </c>
      <c r="C10" s="92" t="s">
        <v>46</v>
      </c>
      <c r="D10" s="98"/>
      <c r="E10" s="40"/>
      <c r="F10" s="40"/>
      <c r="G10" s="40"/>
      <c r="H10" s="41"/>
      <c r="I10" s="42"/>
      <c r="J10" s="43"/>
      <c r="K10" s="44"/>
      <c r="L10" s="45"/>
      <c r="M10" s="46"/>
      <c r="O10" s="37"/>
      <c r="P10" s="37"/>
    </row>
    <row r="11" spans="1:22" s="31" customFormat="1" ht="39.75" customHeight="1" x14ac:dyDescent="0.25">
      <c r="A11" s="38" t="s">
        <v>13</v>
      </c>
      <c r="B11" s="39" t="s">
        <v>117</v>
      </c>
      <c r="C11" s="92" t="s">
        <v>46</v>
      </c>
      <c r="D11" s="98"/>
      <c r="E11" s="40"/>
      <c r="F11" s="40"/>
      <c r="G11" s="40"/>
      <c r="H11" s="41"/>
      <c r="I11" s="42"/>
      <c r="J11" s="43"/>
      <c r="K11" s="44"/>
      <c r="L11" s="45"/>
      <c r="M11" s="46"/>
      <c r="O11" s="37"/>
      <c r="P11" s="37"/>
    </row>
    <row r="12" spans="1:22" s="31" customFormat="1" ht="39.75" customHeight="1" thickBot="1" x14ac:dyDescent="0.3">
      <c r="A12" s="38" t="s">
        <v>14</v>
      </c>
      <c r="B12" s="39" t="s">
        <v>118</v>
      </c>
      <c r="C12" s="92" t="s">
        <v>46</v>
      </c>
      <c r="D12" s="98"/>
      <c r="E12" s="40"/>
      <c r="F12" s="40"/>
      <c r="G12" s="40"/>
      <c r="H12" s="41"/>
      <c r="I12" s="42"/>
      <c r="J12" s="43"/>
      <c r="K12" s="44"/>
      <c r="L12" s="45"/>
      <c r="M12" s="46"/>
      <c r="O12" s="37"/>
      <c r="P12" s="37"/>
    </row>
    <row r="13" spans="1:22" s="32" customFormat="1" ht="33" customHeight="1" thickBot="1" x14ac:dyDescent="0.3">
      <c r="A13" s="47"/>
      <c r="B13" s="48"/>
      <c r="C13" s="48"/>
      <c r="D13" s="48"/>
      <c r="E13" s="49"/>
      <c r="F13" s="49"/>
      <c r="G13" s="49"/>
      <c r="H13" s="49"/>
      <c r="I13" s="48"/>
      <c r="J13" s="48"/>
      <c r="K13" s="48"/>
      <c r="L13" s="78">
        <f>SUM(L9:L12)</f>
        <v>0</v>
      </c>
      <c r="M13" s="94">
        <f>SUM(M9:M12)</f>
        <v>0</v>
      </c>
      <c r="O13" s="50"/>
      <c r="P13" s="50"/>
    </row>
    <row r="14" spans="1:22" s="33" customFormat="1" ht="29.25" customHeight="1" x14ac:dyDescent="0.25">
      <c r="A14" s="135" t="s">
        <v>119</v>
      </c>
      <c r="B14" s="135"/>
      <c r="C14" s="135"/>
      <c r="D14" s="135"/>
      <c r="E14" s="135"/>
      <c r="F14" s="135"/>
      <c r="G14" s="135"/>
      <c r="H14" s="135"/>
      <c r="I14" s="135"/>
      <c r="J14" s="135"/>
      <c r="K14" s="135"/>
      <c r="L14" s="51"/>
      <c r="M14" s="51"/>
      <c r="N14" s="51"/>
      <c r="O14" s="51"/>
      <c r="P14" s="51"/>
    </row>
    <row r="15" spans="1:22" s="28" customFormat="1" ht="22.5" customHeight="1" x14ac:dyDescent="0.25">
      <c r="A15" s="136" t="s">
        <v>24</v>
      </c>
      <c r="B15" s="136" t="s">
        <v>39</v>
      </c>
      <c r="C15" s="136" t="s">
        <v>40</v>
      </c>
      <c r="D15" s="136" t="s">
        <v>30</v>
      </c>
      <c r="E15" s="136" t="s">
        <v>32</v>
      </c>
      <c r="F15" s="136" t="s">
        <v>41</v>
      </c>
      <c r="G15" s="136" t="s">
        <v>42</v>
      </c>
      <c r="H15" s="138" t="s">
        <v>45</v>
      </c>
      <c r="I15" s="139"/>
      <c r="J15" s="139"/>
      <c r="K15" s="140" t="s">
        <v>48</v>
      </c>
      <c r="L15" s="142"/>
      <c r="M15" s="142"/>
      <c r="N15" s="34"/>
      <c r="O15" s="34"/>
      <c r="P15" s="34"/>
    </row>
    <row r="16" spans="1:22" s="28" customFormat="1" ht="22.5" customHeight="1" x14ac:dyDescent="0.25">
      <c r="A16" s="137"/>
      <c r="B16" s="137"/>
      <c r="C16" s="137"/>
      <c r="D16" s="137"/>
      <c r="E16" s="137"/>
      <c r="F16" s="137"/>
      <c r="G16" s="137"/>
      <c r="H16" s="35" t="s">
        <v>26</v>
      </c>
      <c r="I16" s="36" t="s">
        <v>27</v>
      </c>
      <c r="J16" s="73" t="s">
        <v>28</v>
      </c>
      <c r="K16" s="141"/>
      <c r="L16" s="37"/>
      <c r="M16" s="37"/>
      <c r="N16" s="34"/>
      <c r="O16" s="34"/>
      <c r="P16" s="34"/>
    </row>
    <row r="17" spans="1:16" s="89" customFormat="1" ht="14.1" customHeight="1" x14ac:dyDescent="0.25">
      <c r="A17" s="82" t="s">
        <v>0</v>
      </c>
      <c r="B17" s="83" t="s">
        <v>12</v>
      </c>
      <c r="C17" s="83" t="s">
        <v>13</v>
      </c>
      <c r="D17" s="83" t="s">
        <v>14</v>
      </c>
      <c r="E17" s="90" t="s">
        <v>15</v>
      </c>
      <c r="F17" s="84" t="s">
        <v>16</v>
      </c>
      <c r="G17" s="79" t="s">
        <v>17</v>
      </c>
      <c r="H17" s="85" t="s">
        <v>18</v>
      </c>
      <c r="I17" s="86" t="s">
        <v>19</v>
      </c>
      <c r="J17" s="87" t="s">
        <v>35</v>
      </c>
      <c r="K17" s="88" t="s">
        <v>36</v>
      </c>
      <c r="L17" s="81"/>
      <c r="M17" s="81"/>
      <c r="N17" s="81"/>
      <c r="O17" s="81"/>
      <c r="P17" s="81"/>
    </row>
    <row r="18" spans="1:16" s="29" customFormat="1" ht="24.95" customHeight="1" x14ac:dyDescent="0.25">
      <c r="A18" s="67" t="s">
        <v>0</v>
      </c>
      <c r="B18" s="52"/>
      <c r="C18" s="53"/>
      <c r="D18" s="65"/>
      <c r="E18" s="65"/>
      <c r="F18" s="65"/>
      <c r="G18" s="65"/>
      <c r="H18" s="54"/>
      <c r="I18" s="55"/>
      <c r="J18" s="74"/>
      <c r="K18" s="143"/>
      <c r="L18" s="77"/>
      <c r="M18" s="77"/>
      <c r="N18" s="37"/>
      <c r="O18" s="37"/>
      <c r="P18" s="37"/>
    </row>
    <row r="19" spans="1:16" s="29" customFormat="1" ht="24.95" customHeight="1" x14ac:dyDescent="0.25">
      <c r="A19" s="66" t="s">
        <v>12</v>
      </c>
      <c r="B19" s="56"/>
      <c r="C19" s="57"/>
      <c r="D19" s="66"/>
      <c r="E19" s="66"/>
      <c r="F19" s="66"/>
      <c r="G19" s="67"/>
      <c r="H19" s="58"/>
      <c r="I19" s="59"/>
      <c r="J19" s="75"/>
      <c r="K19" s="144"/>
      <c r="L19" s="77"/>
      <c r="M19" s="77"/>
      <c r="N19" s="37"/>
      <c r="O19" s="37"/>
      <c r="P19" s="37"/>
    </row>
    <row r="20" spans="1:16" s="29" customFormat="1" ht="24.95" customHeight="1" x14ac:dyDescent="0.25">
      <c r="A20" s="68" t="s">
        <v>13</v>
      </c>
      <c r="B20" s="69"/>
      <c r="C20" s="70"/>
      <c r="D20" s="68"/>
      <c r="E20" s="68"/>
      <c r="F20" s="68"/>
      <c r="G20" s="68"/>
      <c r="H20" s="71"/>
      <c r="I20" s="72"/>
      <c r="J20" s="76"/>
      <c r="K20" s="145"/>
      <c r="L20" s="77"/>
      <c r="M20" s="77"/>
      <c r="N20" s="37"/>
      <c r="O20" s="37"/>
      <c r="P20" s="37"/>
    </row>
    <row r="21" spans="1:16" s="8" customFormat="1" ht="15.75" customHeight="1" x14ac:dyDescent="0.2">
      <c r="A21" s="6"/>
      <c r="B21" s="6"/>
      <c r="C21" s="6"/>
      <c r="D21" s="7"/>
      <c r="F21" s="9"/>
      <c r="G21" s="9"/>
      <c r="H21" s="9"/>
      <c r="I21" s="9"/>
      <c r="J21" s="17"/>
      <c r="K21" s="17"/>
      <c r="L21" s="17"/>
      <c r="M21" s="17"/>
    </row>
    <row r="22" spans="1:16" s="33" customFormat="1" ht="29.25" customHeight="1" x14ac:dyDescent="0.25">
      <c r="A22" s="135" t="s">
        <v>120</v>
      </c>
      <c r="B22" s="135"/>
      <c r="C22" s="135"/>
      <c r="D22" s="135"/>
      <c r="E22" s="135"/>
      <c r="F22" s="135"/>
      <c r="G22" s="135"/>
      <c r="H22" s="135"/>
      <c r="I22" s="135"/>
      <c r="J22" s="135"/>
      <c r="K22" s="135"/>
      <c r="L22" s="51"/>
      <c r="M22" s="51"/>
      <c r="N22" s="51"/>
      <c r="O22" s="51"/>
      <c r="P22" s="51"/>
    </row>
    <row r="23" spans="1:16" s="28" customFormat="1" ht="22.5" customHeight="1" x14ac:dyDescent="0.25">
      <c r="A23" s="136" t="s">
        <v>24</v>
      </c>
      <c r="B23" s="136" t="s">
        <v>39</v>
      </c>
      <c r="C23" s="136" t="s">
        <v>40</v>
      </c>
      <c r="D23" s="136" t="s">
        <v>30</v>
      </c>
      <c r="E23" s="136" t="s">
        <v>32</v>
      </c>
      <c r="F23" s="136" t="s">
        <v>41</v>
      </c>
      <c r="G23" s="136" t="s">
        <v>42</v>
      </c>
      <c r="H23" s="138" t="s">
        <v>45</v>
      </c>
      <c r="I23" s="139"/>
      <c r="J23" s="139"/>
      <c r="K23" s="140" t="s">
        <v>48</v>
      </c>
      <c r="L23" s="142"/>
      <c r="M23" s="142"/>
      <c r="N23" s="34"/>
      <c r="O23" s="34"/>
      <c r="P23" s="34"/>
    </row>
    <row r="24" spans="1:16" s="28" customFormat="1" ht="22.5" customHeight="1" x14ac:dyDescent="0.25">
      <c r="A24" s="137"/>
      <c r="B24" s="137"/>
      <c r="C24" s="137"/>
      <c r="D24" s="137"/>
      <c r="E24" s="137"/>
      <c r="F24" s="137"/>
      <c r="G24" s="137"/>
      <c r="H24" s="35" t="s">
        <v>26</v>
      </c>
      <c r="I24" s="36" t="s">
        <v>27</v>
      </c>
      <c r="J24" s="73" t="s">
        <v>28</v>
      </c>
      <c r="K24" s="141"/>
      <c r="L24" s="37"/>
      <c r="M24" s="37"/>
      <c r="N24" s="34"/>
      <c r="O24" s="34"/>
      <c r="P24" s="34"/>
    </row>
    <row r="25" spans="1:16" s="89" customFormat="1" ht="14.1" customHeight="1" x14ac:dyDescent="0.25">
      <c r="A25" s="82" t="s">
        <v>0</v>
      </c>
      <c r="B25" s="83" t="s">
        <v>12</v>
      </c>
      <c r="C25" s="83" t="s">
        <v>13</v>
      </c>
      <c r="D25" s="83" t="s">
        <v>14</v>
      </c>
      <c r="E25" s="90" t="s">
        <v>15</v>
      </c>
      <c r="F25" s="84" t="s">
        <v>16</v>
      </c>
      <c r="G25" s="79" t="s">
        <v>17</v>
      </c>
      <c r="H25" s="85" t="s">
        <v>18</v>
      </c>
      <c r="I25" s="86" t="s">
        <v>19</v>
      </c>
      <c r="J25" s="87" t="s">
        <v>35</v>
      </c>
      <c r="K25" s="88" t="s">
        <v>36</v>
      </c>
      <c r="L25" s="81"/>
      <c r="M25" s="81"/>
      <c r="N25" s="81"/>
      <c r="O25" s="81"/>
      <c r="P25" s="81"/>
    </row>
    <row r="26" spans="1:16" s="29" customFormat="1" ht="24.95" customHeight="1" x14ac:dyDescent="0.25">
      <c r="A26" s="67" t="s">
        <v>0</v>
      </c>
      <c r="B26" s="52"/>
      <c r="C26" s="53"/>
      <c r="D26" s="65"/>
      <c r="E26" s="65"/>
      <c r="F26" s="65"/>
      <c r="G26" s="65"/>
      <c r="H26" s="54"/>
      <c r="I26" s="55"/>
      <c r="J26" s="74"/>
      <c r="K26" s="143"/>
      <c r="L26" s="77"/>
      <c r="M26" s="77"/>
      <c r="N26" s="37"/>
      <c r="O26" s="37"/>
      <c r="P26" s="37"/>
    </row>
    <row r="27" spans="1:16" s="29" customFormat="1" ht="24.95" customHeight="1" x14ac:dyDescent="0.25">
      <c r="A27" s="66" t="s">
        <v>12</v>
      </c>
      <c r="B27" s="56"/>
      <c r="C27" s="57"/>
      <c r="D27" s="66"/>
      <c r="E27" s="66"/>
      <c r="F27" s="66"/>
      <c r="G27" s="67"/>
      <c r="H27" s="58"/>
      <c r="I27" s="59"/>
      <c r="J27" s="75"/>
      <c r="K27" s="144"/>
      <c r="L27" s="77"/>
      <c r="M27" s="77"/>
      <c r="N27" s="37"/>
      <c r="O27" s="37"/>
      <c r="P27" s="37"/>
    </row>
    <row r="28" spans="1:16" s="29" customFormat="1" ht="24.95" customHeight="1" x14ac:dyDescent="0.25">
      <c r="A28" s="68" t="s">
        <v>13</v>
      </c>
      <c r="B28" s="69"/>
      <c r="C28" s="70"/>
      <c r="D28" s="68"/>
      <c r="E28" s="68"/>
      <c r="F28" s="68"/>
      <c r="G28" s="68"/>
      <c r="H28" s="71"/>
      <c r="I28" s="72"/>
      <c r="J28" s="76"/>
      <c r="K28" s="145"/>
      <c r="L28" s="77"/>
      <c r="M28" s="77"/>
      <c r="N28" s="37"/>
      <c r="O28" s="37"/>
      <c r="P28" s="37"/>
    </row>
    <row r="29" spans="1:16" s="8" customFormat="1" ht="15.75" customHeight="1" x14ac:dyDescent="0.2">
      <c r="A29" s="6"/>
      <c r="B29" s="6"/>
      <c r="C29" s="6"/>
      <c r="D29" s="7"/>
      <c r="F29" s="9"/>
      <c r="G29" s="9"/>
      <c r="H29" s="9"/>
      <c r="I29" s="9"/>
      <c r="J29" s="17"/>
      <c r="K29" s="17"/>
      <c r="L29" s="17"/>
      <c r="M29" s="17"/>
    </row>
    <row r="30" spans="1:16" s="33" customFormat="1" ht="29.25" customHeight="1" x14ac:dyDescent="0.25">
      <c r="A30" s="135" t="s">
        <v>121</v>
      </c>
      <c r="B30" s="135"/>
      <c r="C30" s="135"/>
      <c r="D30" s="135"/>
      <c r="E30" s="135"/>
      <c r="F30" s="135"/>
      <c r="G30" s="135"/>
      <c r="H30" s="135"/>
      <c r="I30" s="135"/>
      <c r="J30" s="135"/>
      <c r="K30" s="135"/>
      <c r="L30" s="51"/>
      <c r="M30" s="51"/>
      <c r="N30" s="51"/>
      <c r="O30" s="51"/>
      <c r="P30" s="51"/>
    </row>
    <row r="31" spans="1:16" s="28" customFormat="1" ht="22.5" customHeight="1" x14ac:dyDescent="0.25">
      <c r="A31" s="136" t="s">
        <v>24</v>
      </c>
      <c r="B31" s="136" t="s">
        <v>39</v>
      </c>
      <c r="C31" s="136" t="s">
        <v>40</v>
      </c>
      <c r="D31" s="136" t="s">
        <v>30</v>
      </c>
      <c r="E31" s="136" t="s">
        <v>32</v>
      </c>
      <c r="F31" s="136" t="s">
        <v>41</v>
      </c>
      <c r="G31" s="136" t="s">
        <v>42</v>
      </c>
      <c r="H31" s="138" t="s">
        <v>45</v>
      </c>
      <c r="I31" s="139"/>
      <c r="J31" s="139"/>
      <c r="K31" s="140" t="s">
        <v>48</v>
      </c>
      <c r="L31" s="142"/>
      <c r="M31" s="142"/>
      <c r="N31" s="34"/>
      <c r="O31" s="34"/>
      <c r="P31" s="34"/>
    </row>
    <row r="32" spans="1:16" s="28" customFormat="1" ht="22.5" customHeight="1" x14ac:dyDescent="0.25">
      <c r="A32" s="137"/>
      <c r="B32" s="137"/>
      <c r="C32" s="137"/>
      <c r="D32" s="137"/>
      <c r="E32" s="137"/>
      <c r="F32" s="137"/>
      <c r="G32" s="137"/>
      <c r="H32" s="35" t="s">
        <v>26</v>
      </c>
      <c r="I32" s="36" t="s">
        <v>27</v>
      </c>
      <c r="J32" s="73" t="s">
        <v>28</v>
      </c>
      <c r="K32" s="141"/>
      <c r="L32" s="37"/>
      <c r="M32" s="37"/>
      <c r="N32" s="34"/>
      <c r="O32" s="34"/>
      <c r="P32" s="34"/>
    </row>
    <row r="33" spans="1:16" s="89" customFormat="1" ht="14.1" customHeight="1" x14ac:dyDescent="0.25">
      <c r="A33" s="82" t="s">
        <v>0</v>
      </c>
      <c r="B33" s="83" t="s">
        <v>12</v>
      </c>
      <c r="C33" s="83" t="s">
        <v>13</v>
      </c>
      <c r="D33" s="83" t="s">
        <v>14</v>
      </c>
      <c r="E33" s="90" t="s">
        <v>15</v>
      </c>
      <c r="F33" s="84" t="s">
        <v>16</v>
      </c>
      <c r="G33" s="79" t="s">
        <v>17</v>
      </c>
      <c r="H33" s="85" t="s">
        <v>18</v>
      </c>
      <c r="I33" s="86" t="s">
        <v>19</v>
      </c>
      <c r="J33" s="87" t="s">
        <v>35</v>
      </c>
      <c r="K33" s="88" t="s">
        <v>36</v>
      </c>
      <c r="L33" s="81"/>
      <c r="M33" s="81"/>
      <c r="N33" s="81"/>
      <c r="O33" s="81"/>
      <c r="P33" s="81"/>
    </row>
    <row r="34" spans="1:16" s="29" customFormat="1" ht="24.95" customHeight="1" x14ac:dyDescent="0.25">
      <c r="A34" s="67" t="s">
        <v>0</v>
      </c>
      <c r="B34" s="52"/>
      <c r="C34" s="53"/>
      <c r="D34" s="65"/>
      <c r="E34" s="65"/>
      <c r="F34" s="65"/>
      <c r="G34" s="65"/>
      <c r="H34" s="54"/>
      <c r="I34" s="55"/>
      <c r="J34" s="74"/>
      <c r="K34" s="143"/>
      <c r="L34" s="77"/>
      <c r="M34" s="77"/>
      <c r="N34" s="37"/>
      <c r="O34" s="37"/>
      <c r="P34" s="37"/>
    </row>
    <row r="35" spans="1:16" s="29" customFormat="1" ht="24.95" customHeight="1" x14ac:dyDescent="0.25">
      <c r="A35" s="66" t="s">
        <v>12</v>
      </c>
      <c r="B35" s="56"/>
      <c r="C35" s="57"/>
      <c r="D35" s="66"/>
      <c r="E35" s="66"/>
      <c r="F35" s="66"/>
      <c r="G35" s="67"/>
      <c r="H35" s="58"/>
      <c r="I35" s="59"/>
      <c r="J35" s="75"/>
      <c r="K35" s="144"/>
      <c r="L35" s="77"/>
      <c r="M35" s="77"/>
      <c r="N35" s="37"/>
      <c r="O35" s="37"/>
      <c r="P35" s="37"/>
    </row>
    <row r="36" spans="1:16" s="29" customFormat="1" ht="24.95" customHeight="1" x14ac:dyDescent="0.25">
      <c r="A36" s="68" t="s">
        <v>13</v>
      </c>
      <c r="B36" s="69"/>
      <c r="C36" s="70"/>
      <c r="D36" s="68"/>
      <c r="E36" s="68"/>
      <c r="F36" s="68"/>
      <c r="G36" s="68"/>
      <c r="H36" s="71"/>
      <c r="I36" s="72"/>
      <c r="J36" s="76"/>
      <c r="K36" s="145"/>
      <c r="L36" s="77"/>
      <c r="M36" s="77"/>
      <c r="N36" s="37"/>
      <c r="O36" s="37"/>
      <c r="P36" s="37"/>
    </row>
    <row r="37" spans="1:16" s="8" customFormat="1" ht="15.75" customHeight="1" x14ac:dyDescent="0.2">
      <c r="A37" s="6"/>
      <c r="B37" s="6"/>
      <c r="C37" s="6"/>
      <c r="D37" s="7"/>
      <c r="F37" s="9"/>
      <c r="G37" s="9"/>
      <c r="H37" s="9"/>
      <c r="I37" s="9"/>
      <c r="J37" s="17"/>
      <c r="K37" s="17"/>
      <c r="L37" s="17"/>
      <c r="M37" s="17"/>
    </row>
    <row r="38" spans="1:16" s="33" customFormat="1" ht="29.25" customHeight="1" x14ac:dyDescent="0.25">
      <c r="A38" s="135" t="s">
        <v>122</v>
      </c>
      <c r="B38" s="135"/>
      <c r="C38" s="135"/>
      <c r="D38" s="135"/>
      <c r="E38" s="135"/>
      <c r="F38" s="135"/>
      <c r="G38" s="135"/>
      <c r="H38" s="135"/>
      <c r="I38" s="135"/>
      <c r="J38" s="135"/>
      <c r="K38" s="135"/>
      <c r="L38" s="51"/>
      <c r="M38" s="51"/>
      <c r="N38" s="51"/>
      <c r="O38" s="51"/>
      <c r="P38" s="51"/>
    </row>
    <row r="39" spans="1:16" s="28" customFormat="1" ht="22.5" customHeight="1" x14ac:dyDescent="0.25">
      <c r="A39" s="136" t="s">
        <v>24</v>
      </c>
      <c r="B39" s="136" t="s">
        <v>39</v>
      </c>
      <c r="C39" s="136" t="s">
        <v>40</v>
      </c>
      <c r="D39" s="136" t="s">
        <v>30</v>
      </c>
      <c r="E39" s="136" t="s">
        <v>32</v>
      </c>
      <c r="F39" s="136" t="s">
        <v>41</v>
      </c>
      <c r="G39" s="136" t="s">
        <v>42</v>
      </c>
      <c r="H39" s="138" t="s">
        <v>45</v>
      </c>
      <c r="I39" s="139"/>
      <c r="J39" s="139"/>
      <c r="K39" s="140" t="s">
        <v>48</v>
      </c>
      <c r="L39" s="142"/>
      <c r="M39" s="142"/>
      <c r="N39" s="34"/>
      <c r="O39" s="34"/>
      <c r="P39" s="34"/>
    </row>
    <row r="40" spans="1:16" s="28" customFormat="1" ht="22.5" customHeight="1" x14ac:dyDescent="0.25">
      <c r="A40" s="137"/>
      <c r="B40" s="137"/>
      <c r="C40" s="137"/>
      <c r="D40" s="137"/>
      <c r="E40" s="137"/>
      <c r="F40" s="137"/>
      <c r="G40" s="137"/>
      <c r="H40" s="35" t="s">
        <v>26</v>
      </c>
      <c r="I40" s="36" t="s">
        <v>27</v>
      </c>
      <c r="J40" s="73" t="s">
        <v>28</v>
      </c>
      <c r="K40" s="141"/>
      <c r="L40" s="37"/>
      <c r="M40" s="37"/>
      <c r="N40" s="34"/>
      <c r="O40" s="34"/>
      <c r="P40" s="34"/>
    </row>
    <row r="41" spans="1:16" s="89" customFormat="1" ht="14.1" customHeight="1" x14ac:dyDescent="0.25">
      <c r="A41" s="82" t="s">
        <v>0</v>
      </c>
      <c r="B41" s="83" t="s">
        <v>12</v>
      </c>
      <c r="C41" s="83" t="s">
        <v>13</v>
      </c>
      <c r="D41" s="83" t="s">
        <v>14</v>
      </c>
      <c r="E41" s="90" t="s">
        <v>15</v>
      </c>
      <c r="F41" s="84" t="s">
        <v>16</v>
      </c>
      <c r="G41" s="79" t="s">
        <v>17</v>
      </c>
      <c r="H41" s="85" t="s">
        <v>18</v>
      </c>
      <c r="I41" s="86" t="s">
        <v>19</v>
      </c>
      <c r="J41" s="87" t="s">
        <v>35</v>
      </c>
      <c r="K41" s="88" t="s">
        <v>36</v>
      </c>
      <c r="L41" s="81"/>
      <c r="M41" s="81"/>
      <c r="N41" s="81"/>
      <c r="O41" s="81"/>
      <c r="P41" s="81"/>
    </row>
    <row r="42" spans="1:16" s="29" customFormat="1" ht="24.95" customHeight="1" x14ac:dyDescent="0.25">
      <c r="A42" s="67" t="s">
        <v>0</v>
      </c>
      <c r="B42" s="52"/>
      <c r="C42" s="53"/>
      <c r="D42" s="65"/>
      <c r="E42" s="65"/>
      <c r="F42" s="65"/>
      <c r="G42" s="65"/>
      <c r="H42" s="54"/>
      <c r="I42" s="55"/>
      <c r="J42" s="74"/>
      <c r="K42" s="143"/>
      <c r="L42" s="77"/>
      <c r="M42" s="77"/>
      <c r="N42" s="37"/>
      <c r="O42" s="37"/>
      <c r="P42" s="37"/>
    </row>
    <row r="43" spans="1:16" s="29" customFormat="1" ht="24.95" customHeight="1" x14ac:dyDescent="0.25">
      <c r="A43" s="66" t="s">
        <v>12</v>
      </c>
      <c r="B43" s="56"/>
      <c r="C43" s="57"/>
      <c r="D43" s="66"/>
      <c r="E43" s="66"/>
      <c r="F43" s="66"/>
      <c r="G43" s="67"/>
      <c r="H43" s="58"/>
      <c r="I43" s="59"/>
      <c r="J43" s="75"/>
      <c r="K43" s="144"/>
      <c r="L43" s="77"/>
      <c r="M43" s="77"/>
      <c r="N43" s="37"/>
      <c r="O43" s="37"/>
      <c r="P43" s="37"/>
    </row>
    <row r="44" spans="1:16" s="29" customFormat="1" ht="24.95" customHeight="1" x14ac:dyDescent="0.25">
      <c r="A44" s="68" t="s">
        <v>13</v>
      </c>
      <c r="B44" s="69"/>
      <c r="C44" s="70"/>
      <c r="D44" s="68"/>
      <c r="E44" s="68"/>
      <c r="F44" s="68"/>
      <c r="G44" s="68"/>
      <c r="H44" s="71"/>
      <c r="I44" s="72"/>
      <c r="J44" s="76"/>
      <c r="K44" s="145"/>
      <c r="L44" s="77"/>
      <c r="M44" s="77"/>
      <c r="N44" s="37"/>
      <c r="O44" s="37"/>
      <c r="P44" s="37"/>
    </row>
    <row r="45" spans="1:16" s="8" customFormat="1" ht="15.75" customHeight="1" x14ac:dyDescent="0.2">
      <c r="A45" s="6"/>
      <c r="B45" s="6"/>
      <c r="C45" s="6"/>
      <c r="D45" s="7"/>
      <c r="F45" s="9"/>
      <c r="G45" s="9"/>
      <c r="H45" s="9"/>
      <c r="I45" s="9"/>
      <c r="J45" s="17"/>
      <c r="K45" s="17"/>
      <c r="L45" s="17"/>
      <c r="M45" s="17"/>
    </row>
    <row r="46" spans="1:16" s="8" customFormat="1" ht="15.75" customHeight="1" x14ac:dyDescent="0.2">
      <c r="A46" s="6"/>
      <c r="B46" s="6"/>
      <c r="C46" s="6"/>
      <c r="D46" s="7"/>
      <c r="F46" s="9"/>
      <c r="G46" s="9"/>
      <c r="H46" s="9"/>
      <c r="I46" s="9"/>
      <c r="J46" s="17"/>
      <c r="K46" s="17"/>
      <c r="L46" s="17"/>
      <c r="M46" s="17"/>
    </row>
    <row r="47" spans="1:16" s="11" customFormat="1" ht="20.100000000000001" customHeight="1" x14ac:dyDescent="0.25">
      <c r="A47" s="11" t="s">
        <v>3</v>
      </c>
      <c r="C47" s="135"/>
      <c r="D47" s="135"/>
      <c r="E47" s="99" t="s">
        <v>2</v>
      </c>
      <c r="F47" s="117"/>
      <c r="G47" s="117"/>
      <c r="K47" s="17"/>
      <c r="L47" s="17"/>
    </row>
    <row r="48" spans="1:16" s="11" customFormat="1" ht="20.100000000000001" customHeight="1" x14ac:dyDescent="0.25">
      <c r="A48" s="11" t="s">
        <v>4</v>
      </c>
      <c r="C48" s="117"/>
      <c r="D48" s="117"/>
      <c r="E48" s="99" t="s">
        <v>1</v>
      </c>
      <c r="F48" s="118"/>
      <c r="G48" s="118"/>
      <c r="K48" s="14"/>
      <c r="L48" s="15"/>
    </row>
    <row r="49" spans="1:13" s="11" customFormat="1" ht="20.100000000000001" customHeight="1" x14ac:dyDescent="0.2">
      <c r="A49" s="11" t="s">
        <v>5</v>
      </c>
      <c r="C49" s="117"/>
      <c r="D49" s="117"/>
      <c r="E49" s="13"/>
      <c r="H49" s="18" t="s">
        <v>20</v>
      </c>
      <c r="I49" s="119"/>
      <c r="J49" s="119"/>
      <c r="L49" s="15"/>
    </row>
    <row r="50" spans="1:13" s="11" customFormat="1" ht="20.100000000000001" customHeight="1" x14ac:dyDescent="0.2">
      <c r="D50" s="12"/>
      <c r="H50" s="19"/>
      <c r="I50" s="20"/>
      <c r="J50" s="20"/>
      <c r="L50" s="15"/>
    </row>
    <row r="51" spans="1:13" s="11" customFormat="1" ht="20.100000000000001" customHeight="1" x14ac:dyDescent="0.25">
      <c r="A51" s="11" t="s">
        <v>6</v>
      </c>
      <c r="C51" s="135"/>
      <c r="D51" s="135"/>
      <c r="H51" s="21" t="s">
        <v>21</v>
      </c>
      <c r="I51" s="120"/>
      <c r="J51" s="120"/>
      <c r="L51" s="15"/>
    </row>
    <row r="52" spans="1:13" s="11" customFormat="1" ht="20.100000000000001" customHeight="1" x14ac:dyDescent="0.25">
      <c r="A52" s="11" t="s">
        <v>7</v>
      </c>
      <c r="C52" s="117"/>
      <c r="D52" s="117"/>
      <c r="E52" s="13"/>
      <c r="H52" s="21" t="s">
        <v>22</v>
      </c>
      <c r="I52" s="121"/>
      <c r="J52" s="121"/>
      <c r="L52" s="15"/>
    </row>
    <row r="53" spans="1:13" s="11" customFormat="1" ht="20.100000000000001" customHeight="1" x14ac:dyDescent="0.25">
      <c r="A53" s="11" t="s">
        <v>8</v>
      </c>
      <c r="C53" s="117"/>
      <c r="D53" s="117"/>
      <c r="E53" s="13"/>
      <c r="H53" s="22" t="s">
        <v>23</v>
      </c>
      <c r="I53" s="23"/>
      <c r="J53" s="23"/>
    </row>
    <row r="54" spans="1:13" s="11" customFormat="1" ht="20.100000000000001" customHeight="1" x14ac:dyDescent="0.25">
      <c r="A54" s="12"/>
      <c r="B54" s="12"/>
      <c r="C54" s="12"/>
      <c r="D54" s="13"/>
      <c r="E54" s="13"/>
    </row>
    <row r="55" spans="1:13" s="11" customFormat="1" ht="20.100000000000001" customHeight="1" x14ac:dyDescent="0.2">
      <c r="A55" s="146" t="s">
        <v>10</v>
      </c>
      <c r="B55" s="146"/>
      <c r="C55" s="12"/>
      <c r="D55" s="13"/>
      <c r="E55" s="13"/>
    </row>
    <row r="56" spans="1:13" s="8" customFormat="1" ht="20.100000000000001" customHeight="1" x14ac:dyDescent="0.2">
      <c r="A56" s="24"/>
      <c r="B56" s="25" t="s">
        <v>11</v>
      </c>
      <c r="D56" s="7"/>
      <c r="E56" s="7"/>
      <c r="F56" s="9"/>
      <c r="M56" s="6"/>
    </row>
  </sheetData>
  <mergeCells count="72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4:K14"/>
    <mergeCell ref="A15:A16"/>
    <mergeCell ref="B15:B16"/>
    <mergeCell ref="C15:C16"/>
    <mergeCell ref="D15:D16"/>
    <mergeCell ref="E15:E16"/>
    <mergeCell ref="F15:F16"/>
    <mergeCell ref="G15:G16"/>
    <mergeCell ref="K26:K28"/>
    <mergeCell ref="H15:J15"/>
    <mergeCell ref="K15:K16"/>
    <mergeCell ref="L15:M15"/>
    <mergeCell ref="K18:K20"/>
    <mergeCell ref="A22:K22"/>
    <mergeCell ref="A23:A24"/>
    <mergeCell ref="B23:B24"/>
    <mergeCell ref="C23:C24"/>
    <mergeCell ref="D23:D24"/>
    <mergeCell ref="E23:E24"/>
    <mergeCell ref="F23:F24"/>
    <mergeCell ref="G23:G24"/>
    <mergeCell ref="H23:J23"/>
    <mergeCell ref="K23:K24"/>
    <mergeCell ref="L23:M23"/>
    <mergeCell ref="A30:K30"/>
    <mergeCell ref="A31:A32"/>
    <mergeCell ref="B31:B32"/>
    <mergeCell ref="C31:C32"/>
    <mergeCell ref="D31:D32"/>
    <mergeCell ref="E31:E32"/>
    <mergeCell ref="F31:F32"/>
    <mergeCell ref="G31:G32"/>
    <mergeCell ref="H31:J31"/>
    <mergeCell ref="K31:K32"/>
    <mergeCell ref="L31:M31"/>
    <mergeCell ref="K34:K36"/>
    <mergeCell ref="A38:K38"/>
    <mergeCell ref="A39:A40"/>
    <mergeCell ref="B39:B40"/>
    <mergeCell ref="C39:C40"/>
    <mergeCell ref="D39:D40"/>
    <mergeCell ref="E39:E40"/>
    <mergeCell ref="F39:F40"/>
    <mergeCell ref="G39:G40"/>
    <mergeCell ref="H39:J39"/>
    <mergeCell ref="K39:K40"/>
    <mergeCell ref="L39:M39"/>
    <mergeCell ref="K42:K44"/>
    <mergeCell ref="C47:D47"/>
    <mergeCell ref="F47:G47"/>
    <mergeCell ref="C52:D52"/>
    <mergeCell ref="I52:J52"/>
    <mergeCell ref="C53:D53"/>
    <mergeCell ref="A55:B55"/>
    <mergeCell ref="C48:D48"/>
    <mergeCell ref="F48:G48"/>
    <mergeCell ref="C49:D49"/>
    <mergeCell ref="I49:J49"/>
    <mergeCell ref="C51:D51"/>
    <mergeCell ref="I51:J51"/>
  </mergeCells>
  <conditionalFormatting sqref="F47:G47">
    <cfRule type="containsBlanks" dxfId="11" priority="6">
      <formula>LEN(TRIM(F47))=0</formula>
    </cfRule>
  </conditionalFormatting>
  <conditionalFormatting sqref="I51:J51">
    <cfRule type="containsBlanks" dxfId="10" priority="4">
      <formula>LEN(TRIM(I51))=0</formula>
    </cfRule>
  </conditionalFormatting>
  <conditionalFormatting sqref="I52:J52">
    <cfRule type="containsBlanks" dxfId="9" priority="3">
      <formula>LEN(TRIM(I52))=0</formula>
    </cfRule>
  </conditionalFormatting>
  <conditionalFormatting sqref="C47:D49">
    <cfRule type="containsBlanks" dxfId="8" priority="2">
      <formula>LEN(TRIM(C47))=0</formula>
    </cfRule>
  </conditionalFormatting>
  <conditionalFormatting sqref="C51:D53">
    <cfRule type="containsBlanks" dxfId="7" priority="1">
      <formula>LEN(TRIM(C51))=0</formula>
    </cfRule>
  </conditionalFormatting>
  <conditionalFormatting sqref="F48:G48">
    <cfRule type="containsBlanks" dxfId="6" priority="5">
      <formula>LEN(TRIM(F48))=0</formula>
    </cfRule>
  </conditionalFormatting>
  <printOptions horizontalCentered="1"/>
  <pageMargins left="0.55118110236220474" right="0.55118110236220474" top="0.59055118110236227" bottom="0.59055118110236227" header="0.51181102362204722" footer="0.51181102362204722"/>
  <pageSetup paperSize="9" scale="66" fitToHeight="0" orientation="landscape" r:id="rId1"/>
  <headerFooter alignWithMargins="0"/>
  <rowBreaks count="1" manualBreakCount="1">
    <brk id="28" max="12" man="1"/>
  </rowBreaks>
  <colBreaks count="1" manualBreakCount="1">
    <brk id="13" max="1048575" man="1"/>
  </col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6C91496-67F1-4062-8519-B898909114F1}">
  <sheetPr>
    <tabColor theme="4" tint="0.79998168889431442"/>
    <pageSetUpPr fitToPage="1"/>
  </sheetPr>
  <dimension ref="A1:V56"/>
  <sheetViews>
    <sheetView showGridLines="0" topLeftCell="A10" zoomScale="90" zoomScaleNormal="90" workbookViewId="0">
      <selection activeCell="M18" sqref="M18"/>
    </sheetView>
  </sheetViews>
  <sheetFormatPr defaultColWidth="9.140625" defaultRowHeight="12" x14ac:dyDescent="0.2"/>
  <cols>
    <col min="1" max="1" width="5" style="3" customWidth="1"/>
    <col min="2" max="2" width="29" style="3" customWidth="1"/>
    <col min="3" max="3" width="15.85546875" style="3" customWidth="1"/>
    <col min="4" max="4" width="16.42578125" style="4" customWidth="1"/>
    <col min="5" max="5" width="17" style="4" customWidth="1"/>
    <col min="6" max="6" width="15" style="2" customWidth="1"/>
    <col min="7" max="10" width="14.7109375" style="2" customWidth="1"/>
    <col min="11" max="11" width="14.7109375" style="5" customWidth="1"/>
    <col min="12" max="12" width="14.7109375" style="2" customWidth="1"/>
    <col min="13" max="13" width="15" style="2" customWidth="1"/>
    <col min="14" max="14" width="14.7109375" style="2" customWidth="1"/>
    <col min="15" max="16384" width="9.140625" style="2"/>
  </cols>
  <sheetData>
    <row r="1" spans="1:22" s="27" customFormat="1" ht="20.100000000000001" customHeight="1" x14ac:dyDescent="0.2">
      <c r="A1" s="122" t="s">
        <v>113</v>
      </c>
      <c r="B1" s="122"/>
      <c r="C1" s="122"/>
      <c r="D1" s="122"/>
      <c r="E1" s="122"/>
      <c r="F1" s="122"/>
      <c r="G1" s="122"/>
      <c r="H1" s="122"/>
      <c r="I1" s="122"/>
      <c r="J1" s="122"/>
      <c r="K1" s="122"/>
      <c r="L1" s="122"/>
      <c r="M1" s="122"/>
      <c r="N1" s="2"/>
      <c r="O1" s="2"/>
      <c r="P1" s="2"/>
      <c r="Q1" s="2"/>
      <c r="R1" s="2"/>
      <c r="S1" s="2"/>
      <c r="T1" s="2"/>
      <c r="U1" s="2"/>
      <c r="V1" s="26"/>
    </row>
    <row r="2" spans="1:22" ht="24.95" customHeight="1" x14ac:dyDescent="0.2">
      <c r="A2" s="16" t="s">
        <v>9</v>
      </c>
      <c r="B2" s="1"/>
      <c r="C2" s="10"/>
      <c r="D2" s="10"/>
      <c r="E2" s="10"/>
      <c r="F2" s="10"/>
      <c r="G2" s="10"/>
      <c r="H2" s="10"/>
      <c r="I2" s="10"/>
      <c r="J2" s="10"/>
      <c r="K2" s="10"/>
      <c r="L2" s="10"/>
    </row>
    <row r="3" spans="1:22" ht="24.95" customHeight="1" x14ac:dyDescent="0.2">
      <c r="A3" s="123" t="s">
        <v>105</v>
      </c>
      <c r="B3" s="123"/>
      <c r="C3" s="123"/>
      <c r="D3" s="123"/>
      <c r="E3" s="123"/>
      <c r="F3" s="123"/>
      <c r="G3" s="123"/>
      <c r="H3" s="123"/>
      <c r="I3" s="123"/>
      <c r="J3" s="123"/>
      <c r="K3" s="123"/>
      <c r="L3" s="123"/>
    </row>
    <row r="4" spans="1:22" ht="14.25" customHeight="1" x14ac:dyDescent="0.2">
      <c r="A4" s="114"/>
      <c r="B4" s="114"/>
      <c r="C4" s="114"/>
      <c r="D4" s="114"/>
      <c r="E4" s="114"/>
      <c r="F4" s="114"/>
      <c r="G4" s="114"/>
      <c r="H4" s="114"/>
      <c r="I4" s="114"/>
      <c r="J4" s="114"/>
      <c r="K4" s="114"/>
      <c r="L4" s="114"/>
    </row>
    <row r="5" spans="1:22" ht="24.95" customHeight="1" x14ac:dyDescent="0.2">
      <c r="A5" s="123" t="s">
        <v>131</v>
      </c>
      <c r="B5" s="123"/>
      <c r="C5" s="123"/>
      <c r="D5" s="123"/>
      <c r="E5" s="123"/>
      <c r="F5" s="123"/>
      <c r="G5" s="123"/>
      <c r="H5" s="123"/>
      <c r="I5" s="123"/>
      <c r="J5" s="123"/>
      <c r="K5" s="123"/>
      <c r="L5" s="123"/>
    </row>
    <row r="6" spans="1:22" s="30" customFormat="1" ht="33" customHeight="1" x14ac:dyDescent="0.25">
      <c r="A6" s="124" t="s">
        <v>24</v>
      </c>
      <c r="B6" s="126" t="s">
        <v>25</v>
      </c>
      <c r="C6" s="124" t="s">
        <v>43</v>
      </c>
      <c r="D6" s="128" t="s">
        <v>49</v>
      </c>
      <c r="E6" s="130" t="s">
        <v>29</v>
      </c>
      <c r="F6" s="130" t="s">
        <v>30</v>
      </c>
      <c r="G6" s="130" t="s">
        <v>31</v>
      </c>
      <c r="H6" s="116" t="s">
        <v>32</v>
      </c>
      <c r="I6" s="132" t="s">
        <v>33</v>
      </c>
      <c r="J6" s="133"/>
      <c r="K6" s="133"/>
      <c r="L6" s="132" t="s">
        <v>44</v>
      </c>
      <c r="M6" s="134"/>
      <c r="O6" s="34"/>
      <c r="P6" s="34"/>
    </row>
    <row r="7" spans="1:22" s="30" customFormat="1" ht="33" customHeight="1" x14ac:dyDescent="0.25">
      <c r="A7" s="125"/>
      <c r="B7" s="127"/>
      <c r="C7" s="125"/>
      <c r="D7" s="129"/>
      <c r="E7" s="131"/>
      <c r="F7" s="131"/>
      <c r="G7" s="131"/>
      <c r="H7" s="115"/>
      <c r="I7" s="60" t="s">
        <v>26</v>
      </c>
      <c r="J7" s="61" t="s">
        <v>34</v>
      </c>
      <c r="K7" s="62" t="s">
        <v>28</v>
      </c>
      <c r="L7" s="63" t="s">
        <v>26</v>
      </c>
      <c r="M7" s="64" t="s">
        <v>28</v>
      </c>
      <c r="O7" s="34"/>
      <c r="P7" s="34"/>
    </row>
    <row r="8" spans="1:22" s="80" customFormat="1" ht="14.1" customHeight="1" x14ac:dyDescent="0.25">
      <c r="A8" s="93" t="s">
        <v>0</v>
      </c>
      <c r="B8" s="93" t="s">
        <v>12</v>
      </c>
      <c r="C8" s="93" t="s">
        <v>13</v>
      </c>
      <c r="D8" s="93" t="s">
        <v>14</v>
      </c>
      <c r="E8" s="91" t="s">
        <v>15</v>
      </c>
      <c r="F8" s="79" t="s">
        <v>16</v>
      </c>
      <c r="G8" s="79" t="s">
        <v>17</v>
      </c>
      <c r="H8" s="79" t="s">
        <v>18</v>
      </c>
      <c r="I8" s="79" t="s">
        <v>19</v>
      </c>
      <c r="J8" s="79" t="s">
        <v>35</v>
      </c>
      <c r="K8" s="79" t="s">
        <v>36</v>
      </c>
      <c r="L8" s="79" t="s">
        <v>37</v>
      </c>
      <c r="M8" s="79" t="s">
        <v>38</v>
      </c>
      <c r="O8" s="81"/>
      <c r="P8" s="81"/>
    </row>
    <row r="9" spans="1:22" s="31" customFormat="1" ht="39.75" customHeight="1" x14ac:dyDescent="0.25">
      <c r="A9" s="38" t="s">
        <v>0</v>
      </c>
      <c r="B9" s="39" t="s">
        <v>123</v>
      </c>
      <c r="C9" s="92" t="s">
        <v>46</v>
      </c>
      <c r="D9" s="98"/>
      <c r="E9" s="40"/>
      <c r="F9" s="40"/>
      <c r="G9" s="40"/>
      <c r="H9" s="41"/>
      <c r="I9" s="42"/>
      <c r="J9" s="43"/>
      <c r="K9" s="44"/>
      <c r="L9" s="45"/>
      <c r="M9" s="46"/>
      <c r="O9" s="37"/>
      <c r="P9" s="37"/>
    </row>
    <row r="10" spans="1:22" s="31" customFormat="1" ht="39.75" customHeight="1" x14ac:dyDescent="0.25">
      <c r="A10" s="38" t="s">
        <v>12</v>
      </c>
      <c r="B10" s="39" t="s">
        <v>124</v>
      </c>
      <c r="C10" s="92" t="s">
        <v>46</v>
      </c>
      <c r="D10" s="98"/>
      <c r="E10" s="40"/>
      <c r="F10" s="40"/>
      <c r="G10" s="40"/>
      <c r="H10" s="41"/>
      <c r="I10" s="42"/>
      <c r="J10" s="43"/>
      <c r="K10" s="44"/>
      <c r="L10" s="45"/>
      <c r="M10" s="46"/>
      <c r="O10" s="37"/>
      <c r="P10" s="37"/>
    </row>
    <row r="11" spans="1:22" s="31" customFormat="1" ht="39.75" customHeight="1" x14ac:dyDescent="0.25">
      <c r="A11" s="38" t="s">
        <v>13</v>
      </c>
      <c r="B11" s="39" t="s">
        <v>125</v>
      </c>
      <c r="C11" s="92" t="s">
        <v>46</v>
      </c>
      <c r="D11" s="98"/>
      <c r="E11" s="40"/>
      <c r="F11" s="40"/>
      <c r="G11" s="40"/>
      <c r="H11" s="41"/>
      <c r="I11" s="42"/>
      <c r="J11" s="43"/>
      <c r="K11" s="44"/>
      <c r="L11" s="45"/>
      <c r="M11" s="46"/>
      <c r="O11" s="37"/>
      <c r="P11" s="37"/>
    </row>
    <row r="12" spans="1:22" s="31" customFormat="1" ht="39.75" customHeight="1" thickBot="1" x14ac:dyDescent="0.3">
      <c r="A12" s="38" t="s">
        <v>14</v>
      </c>
      <c r="B12" s="39" t="s">
        <v>126</v>
      </c>
      <c r="C12" s="92" t="s">
        <v>46</v>
      </c>
      <c r="D12" s="98"/>
      <c r="E12" s="40"/>
      <c r="F12" s="40"/>
      <c r="G12" s="40"/>
      <c r="H12" s="41"/>
      <c r="I12" s="42"/>
      <c r="J12" s="43"/>
      <c r="K12" s="44"/>
      <c r="L12" s="45"/>
      <c r="M12" s="46"/>
      <c r="O12" s="37"/>
      <c r="P12" s="37"/>
    </row>
    <row r="13" spans="1:22" s="32" customFormat="1" ht="33" customHeight="1" thickBot="1" x14ac:dyDescent="0.3">
      <c r="A13" s="47"/>
      <c r="B13" s="48"/>
      <c r="C13" s="48"/>
      <c r="D13" s="48"/>
      <c r="E13" s="49"/>
      <c r="F13" s="49"/>
      <c r="G13" s="49"/>
      <c r="H13" s="49"/>
      <c r="I13" s="48"/>
      <c r="J13" s="48"/>
      <c r="K13" s="48"/>
      <c r="L13" s="78">
        <f>SUM(L9:L12)</f>
        <v>0</v>
      </c>
      <c r="M13" s="94">
        <f>SUM(M9:M12)</f>
        <v>0</v>
      </c>
      <c r="O13" s="50"/>
      <c r="P13" s="50"/>
    </row>
    <row r="14" spans="1:22" s="33" customFormat="1" ht="29.25" customHeight="1" x14ac:dyDescent="0.25">
      <c r="A14" s="135" t="s">
        <v>127</v>
      </c>
      <c r="B14" s="135"/>
      <c r="C14" s="135"/>
      <c r="D14" s="135"/>
      <c r="E14" s="135"/>
      <c r="F14" s="135"/>
      <c r="G14" s="135"/>
      <c r="H14" s="135"/>
      <c r="I14" s="135"/>
      <c r="J14" s="135"/>
      <c r="K14" s="135"/>
      <c r="L14" s="51"/>
      <c r="M14" s="51"/>
      <c r="N14" s="51"/>
      <c r="O14" s="51"/>
      <c r="P14" s="51"/>
    </row>
    <row r="15" spans="1:22" s="28" customFormat="1" ht="22.5" customHeight="1" x14ac:dyDescent="0.25">
      <c r="A15" s="136" t="s">
        <v>24</v>
      </c>
      <c r="B15" s="136" t="s">
        <v>39</v>
      </c>
      <c r="C15" s="136" t="s">
        <v>40</v>
      </c>
      <c r="D15" s="136" t="s">
        <v>30</v>
      </c>
      <c r="E15" s="136" t="s">
        <v>32</v>
      </c>
      <c r="F15" s="136" t="s">
        <v>41</v>
      </c>
      <c r="G15" s="136" t="s">
        <v>42</v>
      </c>
      <c r="H15" s="138" t="s">
        <v>45</v>
      </c>
      <c r="I15" s="139"/>
      <c r="J15" s="139"/>
      <c r="K15" s="140" t="s">
        <v>48</v>
      </c>
      <c r="L15" s="142"/>
      <c r="M15" s="142"/>
      <c r="N15" s="34"/>
      <c r="O15" s="34"/>
      <c r="P15" s="34"/>
    </row>
    <row r="16" spans="1:22" s="28" customFormat="1" ht="22.5" customHeight="1" x14ac:dyDescent="0.25">
      <c r="A16" s="137"/>
      <c r="B16" s="137"/>
      <c r="C16" s="137"/>
      <c r="D16" s="137"/>
      <c r="E16" s="137"/>
      <c r="F16" s="137"/>
      <c r="G16" s="137"/>
      <c r="H16" s="35" t="s">
        <v>26</v>
      </c>
      <c r="I16" s="36" t="s">
        <v>27</v>
      </c>
      <c r="J16" s="73" t="s">
        <v>28</v>
      </c>
      <c r="K16" s="141"/>
      <c r="L16" s="37"/>
      <c r="M16" s="37"/>
      <c r="N16" s="34"/>
      <c r="O16" s="34"/>
      <c r="P16" s="34"/>
    </row>
    <row r="17" spans="1:16" s="89" customFormat="1" ht="14.1" customHeight="1" x14ac:dyDescent="0.25">
      <c r="A17" s="82" t="s">
        <v>0</v>
      </c>
      <c r="B17" s="83" t="s">
        <v>12</v>
      </c>
      <c r="C17" s="83" t="s">
        <v>13</v>
      </c>
      <c r="D17" s="83" t="s">
        <v>14</v>
      </c>
      <c r="E17" s="90" t="s">
        <v>15</v>
      </c>
      <c r="F17" s="84" t="s">
        <v>16</v>
      </c>
      <c r="G17" s="79" t="s">
        <v>17</v>
      </c>
      <c r="H17" s="85" t="s">
        <v>18</v>
      </c>
      <c r="I17" s="86" t="s">
        <v>19</v>
      </c>
      <c r="J17" s="87" t="s">
        <v>35</v>
      </c>
      <c r="K17" s="88" t="s">
        <v>36</v>
      </c>
      <c r="L17" s="81"/>
      <c r="M17" s="81"/>
      <c r="N17" s="81"/>
      <c r="O17" s="81"/>
      <c r="P17" s="81"/>
    </row>
    <row r="18" spans="1:16" s="29" customFormat="1" ht="24.95" customHeight="1" x14ac:dyDescent="0.25">
      <c r="A18" s="67" t="s">
        <v>0</v>
      </c>
      <c r="B18" s="52"/>
      <c r="C18" s="53"/>
      <c r="D18" s="65"/>
      <c r="E18" s="65"/>
      <c r="F18" s="65"/>
      <c r="G18" s="65"/>
      <c r="H18" s="54"/>
      <c r="I18" s="55"/>
      <c r="J18" s="74"/>
      <c r="K18" s="143"/>
      <c r="L18" s="77"/>
      <c r="M18" s="77"/>
      <c r="N18" s="37"/>
      <c r="O18" s="37"/>
      <c r="P18" s="37"/>
    </row>
    <row r="19" spans="1:16" s="29" customFormat="1" ht="24.95" customHeight="1" x14ac:dyDescent="0.25">
      <c r="A19" s="66" t="s">
        <v>12</v>
      </c>
      <c r="B19" s="56"/>
      <c r="C19" s="57"/>
      <c r="D19" s="66"/>
      <c r="E19" s="66"/>
      <c r="F19" s="66"/>
      <c r="G19" s="67"/>
      <c r="H19" s="58"/>
      <c r="I19" s="59"/>
      <c r="J19" s="75"/>
      <c r="K19" s="144"/>
      <c r="L19" s="77"/>
      <c r="M19" s="77"/>
      <c r="N19" s="37"/>
      <c r="O19" s="37"/>
      <c r="P19" s="37"/>
    </row>
    <row r="20" spans="1:16" s="29" customFormat="1" ht="24.95" customHeight="1" x14ac:dyDescent="0.25">
      <c r="A20" s="68" t="s">
        <v>13</v>
      </c>
      <c r="B20" s="69"/>
      <c r="C20" s="70"/>
      <c r="D20" s="68"/>
      <c r="E20" s="68"/>
      <c r="F20" s="68"/>
      <c r="G20" s="68"/>
      <c r="H20" s="71"/>
      <c r="I20" s="72"/>
      <c r="J20" s="76"/>
      <c r="K20" s="145"/>
      <c r="L20" s="77"/>
      <c r="M20" s="77"/>
      <c r="N20" s="37"/>
      <c r="O20" s="37"/>
      <c r="P20" s="37"/>
    </row>
    <row r="21" spans="1:16" s="8" customFormat="1" ht="15.75" customHeight="1" x14ac:dyDescent="0.2">
      <c r="A21" s="6"/>
      <c r="B21" s="6"/>
      <c r="C21" s="6"/>
      <c r="D21" s="7"/>
      <c r="F21" s="9"/>
      <c r="G21" s="9"/>
      <c r="H21" s="9"/>
      <c r="I21" s="9"/>
      <c r="J21" s="17"/>
      <c r="K21" s="17"/>
      <c r="L21" s="17"/>
      <c r="M21" s="17"/>
    </row>
    <row r="22" spans="1:16" s="33" customFormat="1" ht="29.25" customHeight="1" x14ac:dyDescent="0.25">
      <c r="A22" s="135" t="s">
        <v>128</v>
      </c>
      <c r="B22" s="135"/>
      <c r="C22" s="135"/>
      <c r="D22" s="135"/>
      <c r="E22" s="135"/>
      <c r="F22" s="135"/>
      <c r="G22" s="135"/>
      <c r="H22" s="135"/>
      <c r="I22" s="135"/>
      <c r="J22" s="135"/>
      <c r="K22" s="135"/>
      <c r="L22" s="51"/>
      <c r="M22" s="51"/>
      <c r="N22" s="51"/>
      <c r="O22" s="51"/>
      <c r="P22" s="51"/>
    </row>
    <row r="23" spans="1:16" s="28" customFormat="1" ht="22.5" customHeight="1" x14ac:dyDescent="0.25">
      <c r="A23" s="136" t="s">
        <v>24</v>
      </c>
      <c r="B23" s="136" t="s">
        <v>39</v>
      </c>
      <c r="C23" s="136" t="s">
        <v>40</v>
      </c>
      <c r="D23" s="136" t="s">
        <v>30</v>
      </c>
      <c r="E23" s="136" t="s">
        <v>32</v>
      </c>
      <c r="F23" s="136" t="s">
        <v>41</v>
      </c>
      <c r="G23" s="136" t="s">
        <v>42</v>
      </c>
      <c r="H23" s="138" t="s">
        <v>45</v>
      </c>
      <c r="I23" s="139"/>
      <c r="J23" s="139"/>
      <c r="K23" s="140" t="s">
        <v>48</v>
      </c>
      <c r="L23" s="142"/>
      <c r="M23" s="142"/>
      <c r="N23" s="34"/>
      <c r="O23" s="34"/>
      <c r="P23" s="34"/>
    </row>
    <row r="24" spans="1:16" s="28" customFormat="1" ht="22.5" customHeight="1" x14ac:dyDescent="0.25">
      <c r="A24" s="137"/>
      <c r="B24" s="137"/>
      <c r="C24" s="137"/>
      <c r="D24" s="137"/>
      <c r="E24" s="137"/>
      <c r="F24" s="137"/>
      <c r="G24" s="137"/>
      <c r="H24" s="35" t="s">
        <v>26</v>
      </c>
      <c r="I24" s="36" t="s">
        <v>27</v>
      </c>
      <c r="J24" s="73" t="s">
        <v>28</v>
      </c>
      <c r="K24" s="141"/>
      <c r="L24" s="37"/>
      <c r="M24" s="37"/>
      <c r="N24" s="34"/>
      <c r="O24" s="34"/>
      <c r="P24" s="34"/>
    </row>
    <row r="25" spans="1:16" s="89" customFormat="1" ht="14.1" customHeight="1" x14ac:dyDescent="0.25">
      <c r="A25" s="82" t="s">
        <v>0</v>
      </c>
      <c r="B25" s="83" t="s">
        <v>12</v>
      </c>
      <c r="C25" s="83" t="s">
        <v>13</v>
      </c>
      <c r="D25" s="83" t="s">
        <v>14</v>
      </c>
      <c r="E25" s="90" t="s">
        <v>15</v>
      </c>
      <c r="F25" s="84" t="s">
        <v>16</v>
      </c>
      <c r="G25" s="79" t="s">
        <v>17</v>
      </c>
      <c r="H25" s="85" t="s">
        <v>18</v>
      </c>
      <c r="I25" s="86" t="s">
        <v>19</v>
      </c>
      <c r="J25" s="87" t="s">
        <v>35</v>
      </c>
      <c r="K25" s="88" t="s">
        <v>36</v>
      </c>
      <c r="L25" s="81"/>
      <c r="M25" s="81"/>
      <c r="N25" s="81"/>
      <c r="O25" s="81"/>
      <c r="P25" s="81"/>
    </row>
    <row r="26" spans="1:16" s="29" customFormat="1" ht="24.95" customHeight="1" x14ac:dyDescent="0.25">
      <c r="A26" s="67" t="s">
        <v>0</v>
      </c>
      <c r="B26" s="52"/>
      <c r="C26" s="53"/>
      <c r="D26" s="65"/>
      <c r="E26" s="65"/>
      <c r="F26" s="65"/>
      <c r="G26" s="65"/>
      <c r="H26" s="54"/>
      <c r="I26" s="55"/>
      <c r="J26" s="74"/>
      <c r="K26" s="143"/>
      <c r="L26" s="77"/>
      <c r="M26" s="77"/>
      <c r="N26" s="37"/>
      <c r="O26" s="37"/>
      <c r="P26" s="37"/>
    </row>
    <row r="27" spans="1:16" s="29" customFormat="1" ht="24.95" customHeight="1" x14ac:dyDescent="0.25">
      <c r="A27" s="66" t="s">
        <v>12</v>
      </c>
      <c r="B27" s="56"/>
      <c r="C27" s="57"/>
      <c r="D27" s="66"/>
      <c r="E27" s="66"/>
      <c r="F27" s="66"/>
      <c r="G27" s="67"/>
      <c r="H27" s="58"/>
      <c r="I27" s="59"/>
      <c r="J27" s="75"/>
      <c r="K27" s="144"/>
      <c r="L27" s="77"/>
      <c r="M27" s="77"/>
      <c r="N27" s="37"/>
      <c r="O27" s="37"/>
      <c r="P27" s="37"/>
    </row>
    <row r="28" spans="1:16" s="29" customFormat="1" ht="24.95" customHeight="1" x14ac:dyDescent="0.25">
      <c r="A28" s="68" t="s">
        <v>13</v>
      </c>
      <c r="B28" s="69"/>
      <c r="C28" s="70"/>
      <c r="D28" s="68"/>
      <c r="E28" s="68"/>
      <c r="F28" s="68"/>
      <c r="G28" s="68"/>
      <c r="H28" s="71"/>
      <c r="I28" s="72"/>
      <c r="J28" s="76"/>
      <c r="K28" s="145"/>
      <c r="L28" s="77"/>
      <c r="M28" s="77"/>
      <c r="N28" s="37"/>
      <c r="O28" s="37"/>
      <c r="P28" s="37"/>
    </row>
    <row r="29" spans="1:16" s="8" customFormat="1" ht="15.75" customHeight="1" x14ac:dyDescent="0.2">
      <c r="A29" s="6"/>
      <c r="B29" s="6"/>
      <c r="C29" s="6"/>
      <c r="D29" s="7"/>
      <c r="F29" s="9"/>
      <c r="G29" s="9"/>
      <c r="H29" s="9"/>
      <c r="I29" s="9"/>
      <c r="J29" s="17"/>
      <c r="K29" s="17"/>
      <c r="L29" s="17"/>
      <c r="M29" s="17"/>
    </row>
    <row r="30" spans="1:16" s="33" customFormat="1" ht="29.25" customHeight="1" x14ac:dyDescent="0.25">
      <c r="A30" s="135" t="s">
        <v>129</v>
      </c>
      <c r="B30" s="135"/>
      <c r="C30" s="135"/>
      <c r="D30" s="135"/>
      <c r="E30" s="135"/>
      <c r="F30" s="135"/>
      <c r="G30" s="135"/>
      <c r="H30" s="135"/>
      <c r="I30" s="135"/>
      <c r="J30" s="135"/>
      <c r="K30" s="135"/>
      <c r="L30" s="51"/>
      <c r="M30" s="51"/>
      <c r="N30" s="51"/>
      <c r="O30" s="51"/>
      <c r="P30" s="51"/>
    </row>
    <row r="31" spans="1:16" s="28" customFormat="1" ht="22.5" customHeight="1" x14ac:dyDescent="0.25">
      <c r="A31" s="136" t="s">
        <v>24</v>
      </c>
      <c r="B31" s="136" t="s">
        <v>39</v>
      </c>
      <c r="C31" s="136" t="s">
        <v>40</v>
      </c>
      <c r="D31" s="136" t="s">
        <v>30</v>
      </c>
      <c r="E31" s="136" t="s">
        <v>32</v>
      </c>
      <c r="F31" s="136" t="s">
        <v>41</v>
      </c>
      <c r="G31" s="136" t="s">
        <v>42</v>
      </c>
      <c r="H31" s="138" t="s">
        <v>45</v>
      </c>
      <c r="I31" s="139"/>
      <c r="J31" s="139"/>
      <c r="K31" s="140" t="s">
        <v>48</v>
      </c>
      <c r="L31" s="142"/>
      <c r="M31" s="142"/>
      <c r="N31" s="34"/>
      <c r="O31" s="34"/>
      <c r="P31" s="34"/>
    </row>
    <row r="32" spans="1:16" s="28" customFormat="1" ht="22.5" customHeight="1" x14ac:dyDescent="0.25">
      <c r="A32" s="137"/>
      <c r="B32" s="137"/>
      <c r="C32" s="137"/>
      <c r="D32" s="137"/>
      <c r="E32" s="137"/>
      <c r="F32" s="137"/>
      <c r="G32" s="137"/>
      <c r="H32" s="35" t="s">
        <v>26</v>
      </c>
      <c r="I32" s="36" t="s">
        <v>27</v>
      </c>
      <c r="J32" s="73" t="s">
        <v>28</v>
      </c>
      <c r="K32" s="141"/>
      <c r="L32" s="37"/>
      <c r="M32" s="37"/>
      <c r="N32" s="34"/>
      <c r="O32" s="34"/>
      <c r="P32" s="34"/>
    </row>
    <row r="33" spans="1:16" s="89" customFormat="1" ht="14.1" customHeight="1" x14ac:dyDescent="0.25">
      <c r="A33" s="82" t="s">
        <v>0</v>
      </c>
      <c r="B33" s="83" t="s">
        <v>12</v>
      </c>
      <c r="C33" s="83" t="s">
        <v>13</v>
      </c>
      <c r="D33" s="83" t="s">
        <v>14</v>
      </c>
      <c r="E33" s="90" t="s">
        <v>15</v>
      </c>
      <c r="F33" s="84" t="s">
        <v>16</v>
      </c>
      <c r="G33" s="79" t="s">
        <v>17</v>
      </c>
      <c r="H33" s="85" t="s">
        <v>18</v>
      </c>
      <c r="I33" s="86" t="s">
        <v>19</v>
      </c>
      <c r="J33" s="87" t="s">
        <v>35</v>
      </c>
      <c r="K33" s="88" t="s">
        <v>36</v>
      </c>
      <c r="L33" s="81"/>
      <c r="M33" s="81"/>
      <c r="N33" s="81"/>
      <c r="O33" s="81"/>
      <c r="P33" s="81"/>
    </row>
    <row r="34" spans="1:16" s="29" customFormat="1" ht="24.95" customHeight="1" x14ac:dyDescent="0.25">
      <c r="A34" s="67" t="s">
        <v>0</v>
      </c>
      <c r="B34" s="52"/>
      <c r="C34" s="53"/>
      <c r="D34" s="65"/>
      <c r="E34" s="65"/>
      <c r="F34" s="65"/>
      <c r="G34" s="65"/>
      <c r="H34" s="54"/>
      <c r="I34" s="55"/>
      <c r="J34" s="74"/>
      <c r="K34" s="143"/>
      <c r="L34" s="77"/>
      <c r="M34" s="77"/>
      <c r="N34" s="37"/>
      <c r="O34" s="37"/>
      <c r="P34" s="37"/>
    </row>
    <row r="35" spans="1:16" s="29" customFormat="1" ht="24.95" customHeight="1" x14ac:dyDescent="0.25">
      <c r="A35" s="66" t="s">
        <v>12</v>
      </c>
      <c r="B35" s="56"/>
      <c r="C35" s="57"/>
      <c r="D35" s="66"/>
      <c r="E35" s="66"/>
      <c r="F35" s="66"/>
      <c r="G35" s="67"/>
      <c r="H35" s="58"/>
      <c r="I35" s="59"/>
      <c r="J35" s="75"/>
      <c r="K35" s="144"/>
      <c r="L35" s="77"/>
      <c r="M35" s="77"/>
      <c r="N35" s="37"/>
      <c r="O35" s="37"/>
      <c r="P35" s="37"/>
    </row>
    <row r="36" spans="1:16" s="29" customFormat="1" ht="24.95" customHeight="1" x14ac:dyDescent="0.25">
      <c r="A36" s="68" t="s">
        <v>13</v>
      </c>
      <c r="B36" s="69"/>
      <c r="C36" s="70"/>
      <c r="D36" s="68"/>
      <c r="E36" s="68"/>
      <c r="F36" s="68"/>
      <c r="G36" s="68"/>
      <c r="H36" s="71"/>
      <c r="I36" s="72"/>
      <c r="J36" s="76"/>
      <c r="K36" s="145"/>
      <c r="L36" s="77"/>
      <c r="M36" s="77"/>
      <c r="N36" s="37"/>
      <c r="O36" s="37"/>
      <c r="P36" s="37"/>
    </row>
    <row r="37" spans="1:16" s="8" customFormat="1" ht="15.75" customHeight="1" x14ac:dyDescent="0.2">
      <c r="A37" s="6"/>
      <c r="B37" s="6"/>
      <c r="C37" s="6"/>
      <c r="D37" s="7"/>
      <c r="F37" s="9"/>
      <c r="G37" s="9"/>
      <c r="H37" s="9"/>
      <c r="I37" s="9"/>
      <c r="J37" s="17"/>
      <c r="K37" s="17"/>
      <c r="L37" s="17"/>
      <c r="M37" s="17"/>
    </row>
    <row r="38" spans="1:16" s="33" customFormat="1" ht="29.25" customHeight="1" x14ac:dyDescent="0.25">
      <c r="A38" s="135" t="s">
        <v>130</v>
      </c>
      <c r="B38" s="135"/>
      <c r="C38" s="135"/>
      <c r="D38" s="135"/>
      <c r="E38" s="135"/>
      <c r="F38" s="135"/>
      <c r="G38" s="135"/>
      <c r="H38" s="135"/>
      <c r="I38" s="135"/>
      <c r="J38" s="135"/>
      <c r="K38" s="135"/>
      <c r="L38" s="51"/>
      <c r="M38" s="51"/>
      <c r="N38" s="51"/>
      <c r="O38" s="51"/>
      <c r="P38" s="51"/>
    </row>
    <row r="39" spans="1:16" s="28" customFormat="1" ht="22.5" customHeight="1" x14ac:dyDescent="0.25">
      <c r="A39" s="136" t="s">
        <v>24</v>
      </c>
      <c r="B39" s="136" t="s">
        <v>39</v>
      </c>
      <c r="C39" s="136" t="s">
        <v>40</v>
      </c>
      <c r="D39" s="136" t="s">
        <v>30</v>
      </c>
      <c r="E39" s="136" t="s">
        <v>32</v>
      </c>
      <c r="F39" s="136" t="s">
        <v>41</v>
      </c>
      <c r="G39" s="136" t="s">
        <v>42</v>
      </c>
      <c r="H39" s="138" t="s">
        <v>45</v>
      </c>
      <c r="I39" s="139"/>
      <c r="J39" s="139"/>
      <c r="K39" s="140" t="s">
        <v>48</v>
      </c>
      <c r="L39" s="142"/>
      <c r="M39" s="142"/>
      <c r="N39" s="34"/>
      <c r="O39" s="34"/>
      <c r="P39" s="34"/>
    </row>
    <row r="40" spans="1:16" s="28" customFormat="1" ht="22.5" customHeight="1" x14ac:dyDescent="0.25">
      <c r="A40" s="137"/>
      <c r="B40" s="137"/>
      <c r="C40" s="137"/>
      <c r="D40" s="137"/>
      <c r="E40" s="137"/>
      <c r="F40" s="137"/>
      <c r="G40" s="137"/>
      <c r="H40" s="35" t="s">
        <v>26</v>
      </c>
      <c r="I40" s="36" t="s">
        <v>27</v>
      </c>
      <c r="J40" s="73" t="s">
        <v>28</v>
      </c>
      <c r="K40" s="141"/>
      <c r="L40" s="37"/>
      <c r="M40" s="37"/>
      <c r="N40" s="34"/>
      <c r="O40" s="34"/>
      <c r="P40" s="34"/>
    </row>
    <row r="41" spans="1:16" s="89" customFormat="1" ht="14.1" customHeight="1" x14ac:dyDescent="0.25">
      <c r="A41" s="82" t="s">
        <v>0</v>
      </c>
      <c r="B41" s="83" t="s">
        <v>12</v>
      </c>
      <c r="C41" s="83" t="s">
        <v>13</v>
      </c>
      <c r="D41" s="83" t="s">
        <v>14</v>
      </c>
      <c r="E41" s="90" t="s">
        <v>15</v>
      </c>
      <c r="F41" s="84" t="s">
        <v>16</v>
      </c>
      <c r="G41" s="79" t="s">
        <v>17</v>
      </c>
      <c r="H41" s="85" t="s">
        <v>18</v>
      </c>
      <c r="I41" s="86" t="s">
        <v>19</v>
      </c>
      <c r="J41" s="87" t="s">
        <v>35</v>
      </c>
      <c r="K41" s="88" t="s">
        <v>36</v>
      </c>
      <c r="L41" s="81"/>
      <c r="M41" s="81"/>
      <c r="N41" s="81"/>
      <c r="O41" s="81"/>
      <c r="P41" s="81"/>
    </row>
    <row r="42" spans="1:16" s="29" customFormat="1" ht="24.95" customHeight="1" x14ac:dyDescent="0.25">
      <c r="A42" s="67" t="s">
        <v>0</v>
      </c>
      <c r="B42" s="52"/>
      <c r="C42" s="53"/>
      <c r="D42" s="65"/>
      <c r="E42" s="65"/>
      <c r="F42" s="65"/>
      <c r="G42" s="65"/>
      <c r="H42" s="54"/>
      <c r="I42" s="55"/>
      <c r="J42" s="74"/>
      <c r="K42" s="143"/>
      <c r="L42" s="77"/>
      <c r="M42" s="77"/>
      <c r="N42" s="37"/>
      <c r="O42" s="37"/>
      <c r="P42" s="37"/>
    </row>
    <row r="43" spans="1:16" s="29" customFormat="1" ht="24.95" customHeight="1" x14ac:dyDescent="0.25">
      <c r="A43" s="66" t="s">
        <v>12</v>
      </c>
      <c r="B43" s="56"/>
      <c r="C43" s="57"/>
      <c r="D43" s="66"/>
      <c r="E43" s="66"/>
      <c r="F43" s="66"/>
      <c r="G43" s="67"/>
      <c r="H43" s="58"/>
      <c r="I43" s="59"/>
      <c r="J43" s="75"/>
      <c r="K43" s="144"/>
      <c r="L43" s="77"/>
      <c r="M43" s="77"/>
      <c r="N43" s="37"/>
      <c r="O43" s="37"/>
      <c r="P43" s="37"/>
    </row>
    <row r="44" spans="1:16" s="29" customFormat="1" ht="24.95" customHeight="1" x14ac:dyDescent="0.25">
      <c r="A44" s="68" t="s">
        <v>13</v>
      </c>
      <c r="B44" s="69"/>
      <c r="C44" s="70"/>
      <c r="D44" s="68"/>
      <c r="E44" s="68"/>
      <c r="F44" s="68"/>
      <c r="G44" s="68"/>
      <c r="H44" s="71"/>
      <c r="I44" s="72"/>
      <c r="J44" s="76"/>
      <c r="K44" s="145"/>
      <c r="L44" s="77"/>
      <c r="M44" s="77"/>
      <c r="N44" s="37"/>
      <c r="O44" s="37"/>
      <c r="P44" s="37"/>
    </row>
    <row r="45" spans="1:16" s="8" customFormat="1" ht="15.75" customHeight="1" x14ac:dyDescent="0.2">
      <c r="A45" s="6"/>
      <c r="B45" s="6"/>
      <c r="C45" s="6"/>
      <c r="D45" s="7"/>
      <c r="F45" s="9"/>
      <c r="G45" s="9"/>
      <c r="H45" s="9"/>
      <c r="I45" s="9"/>
      <c r="J45" s="17"/>
      <c r="K45" s="17"/>
      <c r="L45" s="17"/>
      <c r="M45" s="17"/>
    </row>
    <row r="46" spans="1:16" s="8" customFormat="1" ht="15.75" customHeight="1" x14ac:dyDescent="0.2">
      <c r="A46" s="6"/>
      <c r="B46" s="6"/>
      <c r="C46" s="6"/>
      <c r="D46" s="7"/>
      <c r="F46" s="9"/>
      <c r="G46" s="9"/>
      <c r="H46" s="9"/>
      <c r="I46" s="9"/>
      <c r="J46" s="17"/>
      <c r="K46" s="17"/>
      <c r="L46" s="17"/>
      <c r="M46" s="17"/>
    </row>
    <row r="47" spans="1:16" s="11" customFormat="1" ht="20.100000000000001" customHeight="1" x14ac:dyDescent="0.25">
      <c r="A47" s="11" t="s">
        <v>3</v>
      </c>
      <c r="C47" s="135"/>
      <c r="D47" s="135"/>
      <c r="E47" s="99" t="s">
        <v>2</v>
      </c>
      <c r="F47" s="117"/>
      <c r="G47" s="117"/>
      <c r="K47" s="17"/>
      <c r="L47" s="17"/>
    </row>
    <row r="48" spans="1:16" s="11" customFormat="1" ht="20.100000000000001" customHeight="1" x14ac:dyDescent="0.25">
      <c r="A48" s="11" t="s">
        <v>4</v>
      </c>
      <c r="C48" s="117"/>
      <c r="D48" s="117"/>
      <c r="E48" s="99" t="s">
        <v>1</v>
      </c>
      <c r="F48" s="118"/>
      <c r="G48" s="118"/>
      <c r="K48" s="14"/>
      <c r="L48" s="15"/>
    </row>
    <row r="49" spans="1:13" s="11" customFormat="1" ht="20.100000000000001" customHeight="1" x14ac:dyDescent="0.2">
      <c r="A49" s="11" t="s">
        <v>5</v>
      </c>
      <c r="C49" s="117"/>
      <c r="D49" s="117"/>
      <c r="E49" s="13"/>
      <c r="H49" s="18" t="s">
        <v>20</v>
      </c>
      <c r="I49" s="119"/>
      <c r="J49" s="119"/>
      <c r="L49" s="15"/>
    </row>
    <row r="50" spans="1:13" s="11" customFormat="1" ht="20.100000000000001" customHeight="1" x14ac:dyDescent="0.2">
      <c r="D50" s="12"/>
      <c r="H50" s="19"/>
      <c r="I50" s="20"/>
      <c r="J50" s="20"/>
      <c r="L50" s="15"/>
    </row>
    <row r="51" spans="1:13" s="11" customFormat="1" ht="20.100000000000001" customHeight="1" x14ac:dyDescent="0.25">
      <c r="A51" s="11" t="s">
        <v>6</v>
      </c>
      <c r="C51" s="135"/>
      <c r="D51" s="135"/>
      <c r="H51" s="21" t="s">
        <v>21</v>
      </c>
      <c r="I51" s="120"/>
      <c r="J51" s="120"/>
      <c r="L51" s="15"/>
    </row>
    <row r="52" spans="1:13" s="11" customFormat="1" ht="20.100000000000001" customHeight="1" x14ac:dyDescent="0.25">
      <c r="A52" s="11" t="s">
        <v>7</v>
      </c>
      <c r="C52" s="117"/>
      <c r="D52" s="117"/>
      <c r="E52" s="13"/>
      <c r="H52" s="21" t="s">
        <v>22</v>
      </c>
      <c r="I52" s="121"/>
      <c r="J52" s="121"/>
      <c r="L52" s="15"/>
    </row>
    <row r="53" spans="1:13" s="11" customFormat="1" ht="20.100000000000001" customHeight="1" x14ac:dyDescent="0.25">
      <c r="A53" s="11" t="s">
        <v>8</v>
      </c>
      <c r="C53" s="117"/>
      <c r="D53" s="117"/>
      <c r="E53" s="13"/>
      <c r="H53" s="22" t="s">
        <v>23</v>
      </c>
      <c r="I53" s="23"/>
      <c r="J53" s="23"/>
    </row>
    <row r="54" spans="1:13" s="11" customFormat="1" ht="20.100000000000001" customHeight="1" x14ac:dyDescent="0.25">
      <c r="A54" s="12"/>
      <c r="B54" s="12"/>
      <c r="C54" s="12"/>
      <c r="D54" s="13"/>
      <c r="E54" s="13"/>
    </row>
    <row r="55" spans="1:13" s="11" customFormat="1" ht="20.100000000000001" customHeight="1" x14ac:dyDescent="0.2">
      <c r="A55" s="146" t="s">
        <v>10</v>
      </c>
      <c r="B55" s="146"/>
      <c r="C55" s="12"/>
      <c r="D55" s="13"/>
      <c r="E55" s="13"/>
    </row>
    <row r="56" spans="1:13" s="8" customFormat="1" ht="20.100000000000001" customHeight="1" x14ac:dyDescent="0.2">
      <c r="A56" s="24"/>
      <c r="B56" s="25" t="s">
        <v>11</v>
      </c>
      <c r="D56" s="7"/>
      <c r="E56" s="7"/>
      <c r="F56" s="9"/>
      <c r="M56" s="6"/>
    </row>
  </sheetData>
  <mergeCells count="72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4:K14"/>
    <mergeCell ref="A15:A16"/>
    <mergeCell ref="B15:B16"/>
    <mergeCell ref="C15:C16"/>
    <mergeCell ref="D15:D16"/>
    <mergeCell ref="E15:E16"/>
    <mergeCell ref="F15:F16"/>
    <mergeCell ref="G15:G16"/>
    <mergeCell ref="K26:K28"/>
    <mergeCell ref="H15:J15"/>
    <mergeCell ref="K15:K16"/>
    <mergeCell ref="L15:M15"/>
    <mergeCell ref="K18:K20"/>
    <mergeCell ref="A22:K22"/>
    <mergeCell ref="A23:A24"/>
    <mergeCell ref="B23:B24"/>
    <mergeCell ref="C23:C24"/>
    <mergeCell ref="D23:D24"/>
    <mergeCell ref="E23:E24"/>
    <mergeCell ref="F23:F24"/>
    <mergeCell ref="G23:G24"/>
    <mergeCell ref="H23:J23"/>
    <mergeCell ref="K23:K24"/>
    <mergeCell ref="L23:M23"/>
    <mergeCell ref="A30:K30"/>
    <mergeCell ref="A31:A32"/>
    <mergeCell ref="B31:B32"/>
    <mergeCell ref="C31:C32"/>
    <mergeCell ref="D31:D32"/>
    <mergeCell ref="E31:E32"/>
    <mergeCell ref="F31:F32"/>
    <mergeCell ref="G31:G32"/>
    <mergeCell ref="H31:J31"/>
    <mergeCell ref="K31:K32"/>
    <mergeCell ref="L31:M31"/>
    <mergeCell ref="K34:K36"/>
    <mergeCell ref="A38:K38"/>
    <mergeCell ref="A39:A40"/>
    <mergeCell ref="B39:B40"/>
    <mergeCell ref="C39:C40"/>
    <mergeCell ref="D39:D40"/>
    <mergeCell ref="E39:E40"/>
    <mergeCell ref="F39:F40"/>
    <mergeCell ref="G39:G40"/>
    <mergeCell ref="H39:J39"/>
    <mergeCell ref="K39:K40"/>
    <mergeCell ref="L39:M39"/>
    <mergeCell ref="K42:K44"/>
    <mergeCell ref="C47:D47"/>
    <mergeCell ref="F47:G47"/>
    <mergeCell ref="C52:D52"/>
    <mergeCell ref="I52:J52"/>
    <mergeCell ref="C53:D53"/>
    <mergeCell ref="A55:B55"/>
    <mergeCell ref="C48:D48"/>
    <mergeCell ref="F48:G48"/>
    <mergeCell ref="C49:D49"/>
    <mergeCell ref="I49:J49"/>
    <mergeCell ref="C51:D51"/>
    <mergeCell ref="I51:J51"/>
  </mergeCells>
  <conditionalFormatting sqref="F47:G47">
    <cfRule type="containsBlanks" dxfId="5" priority="6">
      <formula>LEN(TRIM(F47))=0</formula>
    </cfRule>
  </conditionalFormatting>
  <conditionalFormatting sqref="I51:J51">
    <cfRule type="containsBlanks" dxfId="4" priority="4">
      <formula>LEN(TRIM(I51))=0</formula>
    </cfRule>
  </conditionalFormatting>
  <conditionalFormatting sqref="I52:J52">
    <cfRule type="containsBlanks" dxfId="3" priority="3">
      <formula>LEN(TRIM(I52))=0</formula>
    </cfRule>
  </conditionalFormatting>
  <conditionalFormatting sqref="C47:D49">
    <cfRule type="containsBlanks" dxfId="2" priority="2">
      <formula>LEN(TRIM(C47))=0</formula>
    </cfRule>
  </conditionalFormatting>
  <conditionalFormatting sqref="C51:D53">
    <cfRule type="containsBlanks" dxfId="1" priority="1">
      <formula>LEN(TRIM(C51))=0</formula>
    </cfRule>
  </conditionalFormatting>
  <conditionalFormatting sqref="F48:G48">
    <cfRule type="containsBlanks" dxfId="0" priority="5">
      <formula>LEN(TRIM(F48))=0</formula>
    </cfRule>
  </conditionalFormatting>
  <printOptions horizontalCentered="1"/>
  <pageMargins left="0.55118110236220474" right="0.55118110236220474" top="0.59055118110236227" bottom="0.59055118110236227" header="0.51181102362204722" footer="0.51181102362204722"/>
  <pageSetup paperSize="9" scale="66" fitToHeight="0" orientation="landscape" r:id="rId1"/>
  <headerFooter alignWithMargins="0"/>
  <rowBreaks count="1" manualBreakCount="1">
    <brk id="28" max="12" man="1"/>
  </rowBreaks>
  <colBreaks count="1" manualBreakCount="1">
    <brk id="13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4" tint="0.79998168889431442"/>
    <pageSetUpPr fitToPage="1"/>
  </sheetPr>
  <dimension ref="A1:V29"/>
  <sheetViews>
    <sheetView showGridLines="0" zoomScale="90" zoomScaleNormal="90" workbookViewId="0">
      <selection sqref="A1:XFD1"/>
    </sheetView>
  </sheetViews>
  <sheetFormatPr defaultColWidth="9.140625" defaultRowHeight="12" x14ac:dyDescent="0.2"/>
  <cols>
    <col min="1" max="1" width="5" style="3" customWidth="1"/>
    <col min="2" max="2" width="29" style="3" customWidth="1"/>
    <col min="3" max="3" width="15.85546875" style="3" customWidth="1"/>
    <col min="4" max="4" width="16.42578125" style="4" customWidth="1"/>
    <col min="5" max="5" width="17" style="4" customWidth="1"/>
    <col min="6" max="6" width="15" style="2" customWidth="1"/>
    <col min="7" max="10" width="14.7109375" style="2" customWidth="1"/>
    <col min="11" max="11" width="14.7109375" style="5" customWidth="1"/>
    <col min="12" max="12" width="14.7109375" style="2" customWidth="1"/>
    <col min="13" max="13" width="15" style="2" customWidth="1"/>
    <col min="14" max="14" width="14.7109375" style="2" customWidth="1"/>
    <col min="15" max="16384" width="9.140625" style="2"/>
  </cols>
  <sheetData>
    <row r="1" spans="1:22" s="27" customFormat="1" ht="20.100000000000001" customHeight="1" x14ac:dyDescent="0.2">
      <c r="A1" s="122" t="s">
        <v>113</v>
      </c>
      <c r="B1" s="122"/>
      <c r="C1" s="122"/>
      <c r="D1" s="122"/>
      <c r="E1" s="122"/>
      <c r="F1" s="122"/>
      <c r="G1" s="122"/>
      <c r="H1" s="122"/>
      <c r="I1" s="122"/>
      <c r="J1" s="122"/>
      <c r="K1" s="122"/>
      <c r="L1" s="122"/>
      <c r="M1" s="122"/>
      <c r="N1" s="2"/>
      <c r="O1" s="2"/>
      <c r="P1" s="2"/>
      <c r="Q1" s="2"/>
      <c r="R1" s="2"/>
      <c r="S1" s="2"/>
      <c r="T1" s="2"/>
      <c r="U1" s="2"/>
      <c r="V1" s="26"/>
    </row>
    <row r="2" spans="1:22" ht="24.95" customHeight="1" x14ac:dyDescent="0.2">
      <c r="A2" s="16" t="s">
        <v>9</v>
      </c>
      <c r="B2" s="1"/>
      <c r="C2" s="10"/>
      <c r="D2" s="10"/>
      <c r="E2" s="10"/>
      <c r="F2" s="10"/>
      <c r="G2" s="10"/>
      <c r="H2" s="10"/>
      <c r="I2" s="10"/>
      <c r="J2" s="10"/>
      <c r="K2" s="10"/>
      <c r="L2" s="10"/>
    </row>
    <row r="3" spans="1:22" ht="24.95" customHeight="1" x14ac:dyDescent="0.2">
      <c r="A3" s="123" t="s">
        <v>105</v>
      </c>
      <c r="B3" s="123"/>
      <c r="C3" s="123"/>
      <c r="D3" s="123"/>
      <c r="E3" s="123"/>
      <c r="F3" s="123"/>
      <c r="G3" s="123"/>
      <c r="H3" s="123"/>
      <c r="I3" s="123"/>
      <c r="J3" s="123"/>
      <c r="K3" s="123"/>
      <c r="L3" s="123"/>
    </row>
    <row r="4" spans="1:22" ht="14.25" customHeight="1" x14ac:dyDescent="0.2">
      <c r="A4" s="100"/>
      <c r="B4" s="100"/>
      <c r="C4" s="100"/>
      <c r="D4" s="100"/>
      <c r="E4" s="100"/>
      <c r="F4" s="100"/>
      <c r="G4" s="100"/>
      <c r="H4" s="100"/>
      <c r="I4" s="100"/>
      <c r="J4" s="100"/>
      <c r="K4" s="100"/>
      <c r="L4" s="100"/>
    </row>
    <row r="5" spans="1:22" ht="24.95" customHeight="1" x14ac:dyDescent="0.2">
      <c r="A5" s="123" t="s">
        <v>53</v>
      </c>
      <c r="B5" s="123"/>
      <c r="C5" s="123"/>
      <c r="D5" s="123"/>
      <c r="E5" s="123"/>
      <c r="F5" s="123"/>
      <c r="G5" s="123"/>
      <c r="H5" s="123"/>
      <c r="I5" s="123"/>
      <c r="J5" s="123"/>
      <c r="K5" s="123"/>
      <c r="L5" s="123"/>
    </row>
    <row r="6" spans="1:22" s="30" customFormat="1" ht="33" customHeight="1" x14ac:dyDescent="0.25">
      <c r="A6" s="124" t="s">
        <v>24</v>
      </c>
      <c r="B6" s="126" t="s">
        <v>25</v>
      </c>
      <c r="C6" s="124" t="s">
        <v>43</v>
      </c>
      <c r="D6" s="128" t="s">
        <v>49</v>
      </c>
      <c r="E6" s="130" t="s">
        <v>29</v>
      </c>
      <c r="F6" s="130" t="s">
        <v>30</v>
      </c>
      <c r="G6" s="130" t="s">
        <v>31</v>
      </c>
      <c r="H6" s="102" t="s">
        <v>32</v>
      </c>
      <c r="I6" s="132" t="s">
        <v>33</v>
      </c>
      <c r="J6" s="133"/>
      <c r="K6" s="133"/>
      <c r="L6" s="132" t="s">
        <v>44</v>
      </c>
      <c r="M6" s="134"/>
      <c r="O6" s="34"/>
      <c r="P6" s="34"/>
    </row>
    <row r="7" spans="1:22" s="30" customFormat="1" ht="33" customHeight="1" x14ac:dyDescent="0.25">
      <c r="A7" s="125"/>
      <c r="B7" s="127"/>
      <c r="C7" s="125"/>
      <c r="D7" s="129"/>
      <c r="E7" s="131"/>
      <c r="F7" s="131"/>
      <c r="G7" s="131"/>
      <c r="H7" s="101"/>
      <c r="I7" s="60" t="s">
        <v>26</v>
      </c>
      <c r="J7" s="61" t="s">
        <v>34</v>
      </c>
      <c r="K7" s="62" t="s">
        <v>28</v>
      </c>
      <c r="L7" s="63" t="s">
        <v>26</v>
      </c>
      <c r="M7" s="64" t="s">
        <v>28</v>
      </c>
      <c r="O7" s="34"/>
      <c r="P7" s="34"/>
    </row>
    <row r="8" spans="1:22" s="80" customFormat="1" ht="14.1" customHeight="1" x14ac:dyDescent="0.25">
      <c r="A8" s="93" t="s">
        <v>0</v>
      </c>
      <c r="B8" s="93" t="s">
        <v>12</v>
      </c>
      <c r="C8" s="93" t="s">
        <v>13</v>
      </c>
      <c r="D8" s="93" t="s">
        <v>14</v>
      </c>
      <c r="E8" s="91" t="s">
        <v>15</v>
      </c>
      <c r="F8" s="79" t="s">
        <v>16</v>
      </c>
      <c r="G8" s="79" t="s">
        <v>17</v>
      </c>
      <c r="H8" s="79" t="s">
        <v>18</v>
      </c>
      <c r="I8" s="79" t="s">
        <v>19</v>
      </c>
      <c r="J8" s="79" t="s">
        <v>35</v>
      </c>
      <c r="K8" s="79" t="s">
        <v>36</v>
      </c>
      <c r="L8" s="79" t="s">
        <v>37</v>
      </c>
      <c r="M8" s="79" t="s">
        <v>38</v>
      </c>
      <c r="O8" s="81"/>
      <c r="P8" s="81"/>
    </row>
    <row r="9" spans="1:22" s="31" customFormat="1" ht="39.75" customHeight="1" thickBot="1" x14ac:dyDescent="0.3">
      <c r="A9" s="38" t="s">
        <v>0</v>
      </c>
      <c r="B9" s="39" t="s">
        <v>54</v>
      </c>
      <c r="C9" s="92" t="s">
        <v>46</v>
      </c>
      <c r="D9" s="98"/>
      <c r="E9" s="40"/>
      <c r="F9" s="40"/>
      <c r="G9" s="40"/>
      <c r="H9" s="41"/>
      <c r="I9" s="42"/>
      <c r="J9" s="43"/>
      <c r="K9" s="44"/>
      <c r="L9" s="45"/>
      <c r="M9" s="46"/>
      <c r="O9" s="37"/>
      <c r="P9" s="37"/>
    </row>
    <row r="10" spans="1:22" s="32" customFormat="1" ht="33" customHeight="1" thickBot="1" x14ac:dyDescent="0.3">
      <c r="A10" s="47"/>
      <c r="B10" s="48"/>
      <c r="C10" s="48"/>
      <c r="D10" s="48"/>
      <c r="E10" s="49"/>
      <c r="F10" s="49"/>
      <c r="G10" s="49"/>
      <c r="H10" s="49"/>
      <c r="I10" s="48"/>
      <c r="J10" s="48"/>
      <c r="K10" s="48"/>
      <c r="L10" s="78">
        <f>SUM(L9:L9)</f>
        <v>0</v>
      </c>
      <c r="M10" s="94">
        <f>SUM(M9:M9)</f>
        <v>0</v>
      </c>
      <c r="O10" s="50"/>
      <c r="P10" s="50"/>
    </row>
    <row r="11" spans="1:22" s="33" customFormat="1" ht="29.25" customHeight="1" x14ac:dyDescent="0.25">
      <c r="A11" s="135" t="s">
        <v>55</v>
      </c>
      <c r="B11" s="135"/>
      <c r="C11" s="135"/>
      <c r="D11" s="135"/>
      <c r="E11" s="135"/>
      <c r="F11" s="135"/>
      <c r="G11" s="135"/>
      <c r="H11" s="135"/>
      <c r="I11" s="135"/>
      <c r="J11" s="135"/>
      <c r="K11" s="135"/>
      <c r="L11" s="51"/>
      <c r="M11" s="51"/>
      <c r="N11" s="51"/>
      <c r="O11" s="51"/>
      <c r="P11" s="51"/>
    </row>
    <row r="12" spans="1:22" s="28" customFormat="1" ht="22.5" customHeight="1" x14ac:dyDescent="0.25">
      <c r="A12" s="136" t="s">
        <v>24</v>
      </c>
      <c r="B12" s="136" t="s">
        <v>39</v>
      </c>
      <c r="C12" s="136" t="s">
        <v>40</v>
      </c>
      <c r="D12" s="136" t="s">
        <v>30</v>
      </c>
      <c r="E12" s="136" t="s">
        <v>32</v>
      </c>
      <c r="F12" s="136" t="s">
        <v>41</v>
      </c>
      <c r="G12" s="136" t="s">
        <v>42</v>
      </c>
      <c r="H12" s="138" t="s">
        <v>45</v>
      </c>
      <c r="I12" s="139"/>
      <c r="J12" s="139"/>
      <c r="K12" s="140" t="s">
        <v>48</v>
      </c>
      <c r="L12" s="142"/>
      <c r="M12" s="142"/>
      <c r="N12" s="34"/>
      <c r="O12" s="34"/>
      <c r="P12" s="34"/>
    </row>
    <row r="13" spans="1:22" s="28" customFormat="1" ht="22.5" customHeight="1" x14ac:dyDescent="0.25">
      <c r="A13" s="137"/>
      <c r="B13" s="137"/>
      <c r="C13" s="137"/>
      <c r="D13" s="137"/>
      <c r="E13" s="137"/>
      <c r="F13" s="137"/>
      <c r="G13" s="137"/>
      <c r="H13" s="35" t="s">
        <v>26</v>
      </c>
      <c r="I13" s="36" t="s">
        <v>27</v>
      </c>
      <c r="J13" s="73" t="s">
        <v>28</v>
      </c>
      <c r="K13" s="141"/>
      <c r="L13" s="37"/>
      <c r="M13" s="37"/>
      <c r="N13" s="34"/>
      <c r="O13" s="34"/>
      <c r="P13" s="34"/>
    </row>
    <row r="14" spans="1:22" s="89" customFormat="1" ht="14.1" customHeight="1" x14ac:dyDescent="0.25">
      <c r="A14" s="82" t="s">
        <v>0</v>
      </c>
      <c r="B14" s="83" t="s">
        <v>12</v>
      </c>
      <c r="C14" s="83" t="s">
        <v>13</v>
      </c>
      <c r="D14" s="83" t="s">
        <v>14</v>
      </c>
      <c r="E14" s="90" t="s">
        <v>15</v>
      </c>
      <c r="F14" s="84" t="s">
        <v>16</v>
      </c>
      <c r="G14" s="79" t="s">
        <v>17</v>
      </c>
      <c r="H14" s="85" t="s">
        <v>18</v>
      </c>
      <c r="I14" s="86" t="s">
        <v>19</v>
      </c>
      <c r="J14" s="87" t="s">
        <v>35</v>
      </c>
      <c r="K14" s="88" t="s">
        <v>36</v>
      </c>
      <c r="L14" s="81"/>
      <c r="M14" s="81"/>
      <c r="N14" s="81"/>
      <c r="O14" s="81"/>
      <c r="P14" s="81"/>
    </row>
    <row r="15" spans="1:22" s="29" customFormat="1" ht="24.95" customHeight="1" x14ac:dyDescent="0.25">
      <c r="A15" s="67" t="s">
        <v>0</v>
      </c>
      <c r="B15" s="52"/>
      <c r="C15" s="53"/>
      <c r="D15" s="65"/>
      <c r="E15" s="65"/>
      <c r="F15" s="65"/>
      <c r="G15" s="65"/>
      <c r="H15" s="54"/>
      <c r="I15" s="55"/>
      <c r="J15" s="74"/>
      <c r="K15" s="143"/>
      <c r="L15" s="77"/>
      <c r="M15" s="77"/>
      <c r="N15" s="37"/>
      <c r="O15" s="37"/>
      <c r="P15" s="37"/>
    </row>
    <row r="16" spans="1:22" s="29" customFormat="1" ht="24.95" customHeight="1" x14ac:dyDescent="0.25">
      <c r="A16" s="66" t="s">
        <v>12</v>
      </c>
      <c r="B16" s="56"/>
      <c r="C16" s="57"/>
      <c r="D16" s="66"/>
      <c r="E16" s="66"/>
      <c r="F16" s="66"/>
      <c r="G16" s="67"/>
      <c r="H16" s="58"/>
      <c r="I16" s="59"/>
      <c r="J16" s="75"/>
      <c r="K16" s="144"/>
      <c r="L16" s="77"/>
      <c r="M16" s="77"/>
      <c r="N16" s="37"/>
      <c r="O16" s="37"/>
      <c r="P16" s="37"/>
    </row>
    <row r="17" spans="1:16" s="29" customFormat="1" ht="24.95" customHeight="1" x14ac:dyDescent="0.25">
      <c r="A17" s="68" t="s">
        <v>13</v>
      </c>
      <c r="B17" s="69"/>
      <c r="C17" s="70"/>
      <c r="D17" s="68"/>
      <c r="E17" s="68"/>
      <c r="F17" s="68"/>
      <c r="G17" s="68"/>
      <c r="H17" s="71"/>
      <c r="I17" s="72"/>
      <c r="J17" s="76"/>
      <c r="K17" s="145"/>
      <c r="L17" s="77"/>
      <c r="M17" s="77"/>
      <c r="N17" s="37"/>
      <c r="O17" s="37"/>
      <c r="P17" s="37"/>
    </row>
    <row r="18" spans="1:16" s="8" customFormat="1" ht="15.75" customHeight="1" x14ac:dyDescent="0.2">
      <c r="A18" s="6"/>
      <c r="B18" s="6"/>
      <c r="C18" s="6"/>
      <c r="D18" s="7"/>
      <c r="F18" s="9"/>
      <c r="G18" s="9"/>
      <c r="H18" s="9"/>
      <c r="I18" s="9"/>
      <c r="J18" s="17"/>
      <c r="K18" s="17"/>
      <c r="L18" s="17"/>
      <c r="M18" s="17"/>
    </row>
    <row r="19" spans="1:16" s="8" customFormat="1" ht="15.75" customHeight="1" x14ac:dyDescent="0.2">
      <c r="A19" s="6"/>
      <c r="B19" s="6"/>
      <c r="C19" s="6"/>
      <c r="D19" s="7"/>
      <c r="F19" s="9"/>
      <c r="G19" s="9"/>
      <c r="H19" s="9"/>
      <c r="I19" s="9"/>
      <c r="J19" s="17"/>
      <c r="K19" s="17"/>
      <c r="L19" s="17"/>
      <c r="M19" s="17"/>
    </row>
    <row r="20" spans="1:16" s="11" customFormat="1" ht="20.100000000000001" customHeight="1" x14ac:dyDescent="0.25">
      <c r="A20" s="11" t="s">
        <v>3</v>
      </c>
      <c r="C20" s="135"/>
      <c r="D20" s="135"/>
      <c r="E20" s="99" t="s">
        <v>2</v>
      </c>
      <c r="F20" s="117"/>
      <c r="G20" s="117"/>
      <c r="K20" s="17"/>
      <c r="L20" s="17"/>
    </row>
    <row r="21" spans="1:16" s="11" customFormat="1" ht="20.100000000000001" customHeight="1" x14ac:dyDescent="0.25">
      <c r="A21" s="11" t="s">
        <v>4</v>
      </c>
      <c r="C21" s="117"/>
      <c r="D21" s="117"/>
      <c r="E21" s="99" t="s">
        <v>1</v>
      </c>
      <c r="F21" s="118"/>
      <c r="G21" s="118"/>
      <c r="K21" s="14"/>
      <c r="L21" s="15"/>
    </row>
    <row r="22" spans="1:16" s="11" customFormat="1" ht="20.100000000000001" customHeight="1" x14ac:dyDescent="0.2">
      <c r="A22" s="11" t="s">
        <v>5</v>
      </c>
      <c r="C22" s="117"/>
      <c r="D22" s="117"/>
      <c r="E22" s="13"/>
      <c r="H22" s="18" t="s">
        <v>20</v>
      </c>
      <c r="I22" s="119"/>
      <c r="J22" s="119"/>
      <c r="L22" s="15"/>
    </row>
    <row r="23" spans="1:16" s="11" customFormat="1" ht="20.100000000000001" customHeight="1" x14ac:dyDescent="0.2">
      <c r="D23" s="12"/>
      <c r="H23" s="19"/>
      <c r="I23" s="20"/>
      <c r="J23" s="20"/>
      <c r="L23" s="15"/>
    </row>
    <row r="24" spans="1:16" s="11" customFormat="1" ht="20.100000000000001" customHeight="1" x14ac:dyDescent="0.25">
      <c r="A24" s="11" t="s">
        <v>6</v>
      </c>
      <c r="C24" s="135"/>
      <c r="D24" s="135"/>
      <c r="H24" s="21" t="s">
        <v>21</v>
      </c>
      <c r="I24" s="120"/>
      <c r="J24" s="120"/>
      <c r="L24" s="15"/>
    </row>
    <row r="25" spans="1:16" s="11" customFormat="1" ht="20.100000000000001" customHeight="1" x14ac:dyDescent="0.25">
      <c r="A25" s="11" t="s">
        <v>7</v>
      </c>
      <c r="C25" s="117"/>
      <c r="D25" s="117"/>
      <c r="E25" s="13"/>
      <c r="H25" s="21" t="s">
        <v>22</v>
      </c>
      <c r="I25" s="121"/>
      <c r="J25" s="121"/>
      <c r="L25" s="15"/>
    </row>
    <row r="26" spans="1:16" s="11" customFormat="1" ht="20.100000000000001" customHeight="1" x14ac:dyDescent="0.25">
      <c r="A26" s="11" t="s">
        <v>8</v>
      </c>
      <c r="C26" s="117"/>
      <c r="D26" s="117"/>
      <c r="E26" s="13"/>
      <c r="H26" s="22" t="s">
        <v>23</v>
      </c>
      <c r="I26" s="23"/>
      <c r="J26" s="23"/>
    </row>
    <row r="27" spans="1:16" s="11" customFormat="1" ht="20.100000000000001" customHeight="1" x14ac:dyDescent="0.25">
      <c r="A27" s="12"/>
      <c r="B27" s="12"/>
      <c r="C27" s="12"/>
      <c r="D27" s="13"/>
      <c r="E27" s="13"/>
    </row>
    <row r="28" spans="1:16" s="11" customFormat="1" ht="20.100000000000001" customHeight="1" x14ac:dyDescent="0.2">
      <c r="A28" s="146" t="s">
        <v>10</v>
      </c>
      <c r="B28" s="146"/>
      <c r="C28" s="12"/>
      <c r="D28" s="13"/>
      <c r="E28" s="13"/>
    </row>
    <row r="29" spans="1:16" s="8" customFormat="1" ht="20.100000000000001" customHeight="1" x14ac:dyDescent="0.2">
      <c r="A29" s="24"/>
      <c r="B29" s="25" t="s">
        <v>11</v>
      </c>
      <c r="D29" s="7"/>
      <c r="E29" s="7"/>
      <c r="F29" s="9"/>
      <c r="M29" s="6"/>
    </row>
  </sheetData>
  <mergeCells count="36">
    <mergeCell ref="C26:D26"/>
    <mergeCell ref="A28:B28"/>
    <mergeCell ref="C21:D21"/>
    <mergeCell ref="F21:G21"/>
    <mergeCell ref="C22:D22"/>
    <mergeCell ref="C24:D24"/>
    <mergeCell ref="L12:M12"/>
    <mergeCell ref="K15:K17"/>
    <mergeCell ref="C20:D20"/>
    <mergeCell ref="F20:G20"/>
    <mergeCell ref="C25:D25"/>
    <mergeCell ref="I25:J25"/>
    <mergeCell ref="I22:J22"/>
    <mergeCell ref="I24:J24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F20:G20">
    <cfRule type="containsBlanks" dxfId="77" priority="6">
      <formula>LEN(TRIM(F20))=0</formula>
    </cfRule>
  </conditionalFormatting>
  <conditionalFormatting sqref="I24:J24">
    <cfRule type="containsBlanks" dxfId="76" priority="4">
      <formula>LEN(TRIM(I24))=0</formula>
    </cfRule>
  </conditionalFormatting>
  <conditionalFormatting sqref="I25:J25">
    <cfRule type="containsBlanks" dxfId="75" priority="3">
      <formula>LEN(TRIM(I25))=0</formula>
    </cfRule>
  </conditionalFormatting>
  <conditionalFormatting sqref="C20:D22">
    <cfRule type="containsBlanks" dxfId="74" priority="2">
      <formula>LEN(TRIM(C20))=0</formula>
    </cfRule>
  </conditionalFormatting>
  <conditionalFormatting sqref="C24:D26">
    <cfRule type="containsBlanks" dxfId="73" priority="1">
      <formula>LEN(TRIM(C24))=0</formula>
    </cfRule>
  </conditionalFormatting>
  <conditionalFormatting sqref="F21:G21">
    <cfRule type="containsBlanks" dxfId="72" priority="5">
      <formula>LEN(TRIM(F21))=0</formula>
    </cfRule>
  </conditionalFormatting>
  <printOptions horizontalCentered="1"/>
  <pageMargins left="0.55118110236220474" right="0.55118110236220474" top="0.59055118110236227" bottom="0.59055118110236227" header="0.51181102362204722" footer="0.51181102362204722"/>
  <pageSetup paperSize="9" scale="66" fitToHeight="0" orientation="landscape" r:id="rId1"/>
  <headerFooter alignWithMargins="0"/>
  <colBreaks count="1" manualBreakCount="1">
    <brk id="13" max="28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4" tint="0.79998168889431442"/>
    <pageSetUpPr fitToPage="1"/>
  </sheetPr>
  <dimension ref="A1:V29"/>
  <sheetViews>
    <sheetView showGridLines="0" zoomScale="90" zoomScaleNormal="90" workbookViewId="0">
      <selection sqref="A1:XFD1"/>
    </sheetView>
  </sheetViews>
  <sheetFormatPr defaultColWidth="9.140625" defaultRowHeight="12" x14ac:dyDescent="0.2"/>
  <cols>
    <col min="1" max="1" width="5" style="3" customWidth="1"/>
    <col min="2" max="2" width="29" style="3" customWidth="1"/>
    <col min="3" max="3" width="15.85546875" style="3" customWidth="1"/>
    <col min="4" max="4" width="16.42578125" style="4" customWidth="1"/>
    <col min="5" max="5" width="17" style="4" customWidth="1"/>
    <col min="6" max="6" width="15" style="2" customWidth="1"/>
    <col min="7" max="10" width="14.7109375" style="2" customWidth="1"/>
    <col min="11" max="11" width="14.7109375" style="5" customWidth="1"/>
    <col min="12" max="12" width="14.7109375" style="2" customWidth="1"/>
    <col min="13" max="13" width="15" style="2" customWidth="1"/>
    <col min="14" max="14" width="14.7109375" style="2" customWidth="1"/>
    <col min="15" max="16384" width="9.140625" style="2"/>
  </cols>
  <sheetData>
    <row r="1" spans="1:22" s="27" customFormat="1" ht="20.100000000000001" customHeight="1" x14ac:dyDescent="0.2">
      <c r="A1" s="122" t="s">
        <v>113</v>
      </c>
      <c r="B1" s="122"/>
      <c r="C1" s="122"/>
      <c r="D1" s="122"/>
      <c r="E1" s="122"/>
      <c r="F1" s="122"/>
      <c r="G1" s="122"/>
      <c r="H1" s="122"/>
      <c r="I1" s="122"/>
      <c r="J1" s="122"/>
      <c r="K1" s="122"/>
      <c r="L1" s="122"/>
      <c r="M1" s="122"/>
      <c r="N1" s="2"/>
      <c r="O1" s="2"/>
      <c r="P1" s="2"/>
      <c r="Q1" s="2"/>
      <c r="R1" s="2"/>
      <c r="S1" s="2"/>
      <c r="T1" s="2"/>
      <c r="U1" s="2"/>
      <c r="V1" s="26"/>
    </row>
    <row r="2" spans="1:22" ht="24.95" customHeight="1" x14ac:dyDescent="0.2">
      <c r="A2" s="16" t="s">
        <v>9</v>
      </c>
      <c r="B2" s="1"/>
      <c r="C2" s="10"/>
      <c r="D2" s="10"/>
      <c r="E2" s="10"/>
      <c r="F2" s="10"/>
      <c r="G2" s="10"/>
      <c r="H2" s="10"/>
      <c r="I2" s="10"/>
      <c r="J2" s="10"/>
      <c r="K2" s="10"/>
      <c r="L2" s="10"/>
    </row>
    <row r="3" spans="1:22" ht="24.95" customHeight="1" x14ac:dyDescent="0.2">
      <c r="A3" s="123" t="s">
        <v>105</v>
      </c>
      <c r="B3" s="123"/>
      <c r="C3" s="123"/>
      <c r="D3" s="123"/>
      <c r="E3" s="123"/>
      <c r="F3" s="123"/>
      <c r="G3" s="123"/>
      <c r="H3" s="123"/>
      <c r="I3" s="123"/>
      <c r="J3" s="123"/>
      <c r="K3" s="123"/>
      <c r="L3" s="123"/>
    </row>
    <row r="4" spans="1:22" ht="14.25" customHeight="1" x14ac:dyDescent="0.2">
      <c r="A4" s="100"/>
      <c r="B4" s="100"/>
      <c r="C4" s="100"/>
      <c r="D4" s="100"/>
      <c r="E4" s="100"/>
      <c r="F4" s="100"/>
      <c r="G4" s="100"/>
      <c r="H4" s="100"/>
      <c r="I4" s="100"/>
      <c r="J4" s="100"/>
      <c r="K4" s="100"/>
      <c r="L4" s="100"/>
    </row>
    <row r="5" spans="1:22" ht="24.95" customHeight="1" x14ac:dyDescent="0.2">
      <c r="A5" s="123" t="s">
        <v>56</v>
      </c>
      <c r="B5" s="123"/>
      <c r="C5" s="123"/>
      <c r="D5" s="123"/>
      <c r="E5" s="123"/>
      <c r="F5" s="123"/>
      <c r="G5" s="123"/>
      <c r="H5" s="123"/>
      <c r="I5" s="123"/>
      <c r="J5" s="123"/>
      <c r="K5" s="123"/>
      <c r="L5" s="123"/>
    </row>
    <row r="6" spans="1:22" s="30" customFormat="1" ht="33" customHeight="1" x14ac:dyDescent="0.25">
      <c r="A6" s="124" t="s">
        <v>24</v>
      </c>
      <c r="B6" s="126" t="s">
        <v>25</v>
      </c>
      <c r="C6" s="124" t="s">
        <v>43</v>
      </c>
      <c r="D6" s="128" t="s">
        <v>49</v>
      </c>
      <c r="E6" s="130" t="s">
        <v>29</v>
      </c>
      <c r="F6" s="130" t="s">
        <v>30</v>
      </c>
      <c r="G6" s="130" t="s">
        <v>31</v>
      </c>
      <c r="H6" s="102" t="s">
        <v>32</v>
      </c>
      <c r="I6" s="132" t="s">
        <v>33</v>
      </c>
      <c r="J6" s="133"/>
      <c r="K6" s="133"/>
      <c r="L6" s="132" t="s">
        <v>44</v>
      </c>
      <c r="M6" s="134"/>
      <c r="O6" s="34"/>
      <c r="P6" s="34"/>
    </row>
    <row r="7" spans="1:22" s="30" customFormat="1" ht="33" customHeight="1" x14ac:dyDescent="0.25">
      <c r="A7" s="125"/>
      <c r="B7" s="127"/>
      <c r="C7" s="125"/>
      <c r="D7" s="129"/>
      <c r="E7" s="131"/>
      <c r="F7" s="131"/>
      <c r="G7" s="131"/>
      <c r="H7" s="101"/>
      <c r="I7" s="60" t="s">
        <v>26</v>
      </c>
      <c r="J7" s="61" t="s">
        <v>34</v>
      </c>
      <c r="K7" s="62" t="s">
        <v>28</v>
      </c>
      <c r="L7" s="63" t="s">
        <v>26</v>
      </c>
      <c r="M7" s="64" t="s">
        <v>28</v>
      </c>
      <c r="O7" s="34"/>
      <c r="P7" s="34"/>
    </row>
    <row r="8" spans="1:22" s="80" customFormat="1" ht="14.1" customHeight="1" x14ac:dyDescent="0.25">
      <c r="A8" s="93" t="s">
        <v>0</v>
      </c>
      <c r="B8" s="93" t="s">
        <v>12</v>
      </c>
      <c r="C8" s="93" t="s">
        <v>13</v>
      </c>
      <c r="D8" s="93" t="s">
        <v>14</v>
      </c>
      <c r="E8" s="91" t="s">
        <v>15</v>
      </c>
      <c r="F8" s="79" t="s">
        <v>16</v>
      </c>
      <c r="G8" s="79" t="s">
        <v>17</v>
      </c>
      <c r="H8" s="79" t="s">
        <v>18</v>
      </c>
      <c r="I8" s="79" t="s">
        <v>19</v>
      </c>
      <c r="J8" s="79" t="s">
        <v>35</v>
      </c>
      <c r="K8" s="79" t="s">
        <v>36</v>
      </c>
      <c r="L8" s="79" t="s">
        <v>37</v>
      </c>
      <c r="M8" s="79" t="s">
        <v>38</v>
      </c>
      <c r="O8" s="81"/>
      <c r="P8" s="81"/>
    </row>
    <row r="9" spans="1:22" s="31" customFormat="1" ht="39.75" customHeight="1" thickBot="1" x14ac:dyDescent="0.3">
      <c r="A9" s="38" t="s">
        <v>0</v>
      </c>
      <c r="B9" s="39" t="s">
        <v>57</v>
      </c>
      <c r="C9" s="92" t="s">
        <v>46</v>
      </c>
      <c r="D9" s="98"/>
      <c r="E9" s="40"/>
      <c r="F9" s="40"/>
      <c r="G9" s="40"/>
      <c r="H9" s="41"/>
      <c r="I9" s="42"/>
      <c r="J9" s="43"/>
      <c r="K9" s="44"/>
      <c r="L9" s="45"/>
      <c r="M9" s="46"/>
      <c r="O9" s="37"/>
      <c r="P9" s="37"/>
    </row>
    <row r="10" spans="1:22" s="32" customFormat="1" ht="33" customHeight="1" thickBot="1" x14ac:dyDescent="0.3">
      <c r="A10" s="47"/>
      <c r="B10" s="48"/>
      <c r="C10" s="48"/>
      <c r="D10" s="48"/>
      <c r="E10" s="49"/>
      <c r="F10" s="49"/>
      <c r="G10" s="49"/>
      <c r="H10" s="49"/>
      <c r="I10" s="48"/>
      <c r="J10" s="48"/>
      <c r="K10" s="48"/>
      <c r="L10" s="78">
        <f>SUM(L9:L9)</f>
        <v>0</v>
      </c>
      <c r="M10" s="94">
        <f>SUM(M9:M9)</f>
        <v>0</v>
      </c>
      <c r="O10" s="50"/>
      <c r="P10" s="50"/>
    </row>
    <row r="11" spans="1:22" s="33" customFormat="1" ht="29.25" customHeight="1" x14ac:dyDescent="0.25">
      <c r="A11" s="135" t="s">
        <v>58</v>
      </c>
      <c r="B11" s="135"/>
      <c r="C11" s="135"/>
      <c r="D11" s="135"/>
      <c r="E11" s="135"/>
      <c r="F11" s="135"/>
      <c r="G11" s="135"/>
      <c r="H11" s="135"/>
      <c r="I11" s="135"/>
      <c r="J11" s="135"/>
      <c r="K11" s="135"/>
      <c r="L11" s="51"/>
      <c r="M11" s="51"/>
      <c r="N11" s="51"/>
      <c r="O11" s="51"/>
      <c r="P11" s="51"/>
    </row>
    <row r="12" spans="1:22" s="28" customFormat="1" ht="22.5" customHeight="1" x14ac:dyDescent="0.25">
      <c r="A12" s="136" t="s">
        <v>24</v>
      </c>
      <c r="B12" s="136" t="s">
        <v>39</v>
      </c>
      <c r="C12" s="136" t="s">
        <v>40</v>
      </c>
      <c r="D12" s="136" t="s">
        <v>30</v>
      </c>
      <c r="E12" s="136" t="s">
        <v>32</v>
      </c>
      <c r="F12" s="136" t="s">
        <v>41</v>
      </c>
      <c r="G12" s="136" t="s">
        <v>42</v>
      </c>
      <c r="H12" s="138" t="s">
        <v>45</v>
      </c>
      <c r="I12" s="139"/>
      <c r="J12" s="139"/>
      <c r="K12" s="140" t="s">
        <v>48</v>
      </c>
      <c r="L12" s="142"/>
      <c r="M12" s="142"/>
      <c r="N12" s="34"/>
      <c r="O12" s="34"/>
      <c r="P12" s="34"/>
    </row>
    <row r="13" spans="1:22" s="28" customFormat="1" ht="22.5" customHeight="1" x14ac:dyDescent="0.25">
      <c r="A13" s="137"/>
      <c r="B13" s="137"/>
      <c r="C13" s="137"/>
      <c r="D13" s="137"/>
      <c r="E13" s="137"/>
      <c r="F13" s="137"/>
      <c r="G13" s="137"/>
      <c r="H13" s="35" t="s">
        <v>26</v>
      </c>
      <c r="I13" s="36" t="s">
        <v>27</v>
      </c>
      <c r="J13" s="73" t="s">
        <v>28</v>
      </c>
      <c r="K13" s="141"/>
      <c r="L13" s="37"/>
      <c r="M13" s="37"/>
      <c r="N13" s="34"/>
      <c r="O13" s="34"/>
      <c r="P13" s="34"/>
    </row>
    <row r="14" spans="1:22" s="89" customFormat="1" ht="14.1" customHeight="1" x14ac:dyDescent="0.25">
      <c r="A14" s="82" t="s">
        <v>0</v>
      </c>
      <c r="B14" s="83" t="s">
        <v>12</v>
      </c>
      <c r="C14" s="83" t="s">
        <v>13</v>
      </c>
      <c r="D14" s="83" t="s">
        <v>14</v>
      </c>
      <c r="E14" s="90" t="s">
        <v>15</v>
      </c>
      <c r="F14" s="84" t="s">
        <v>16</v>
      </c>
      <c r="G14" s="79" t="s">
        <v>17</v>
      </c>
      <c r="H14" s="85" t="s">
        <v>18</v>
      </c>
      <c r="I14" s="86" t="s">
        <v>19</v>
      </c>
      <c r="J14" s="87" t="s">
        <v>35</v>
      </c>
      <c r="K14" s="88" t="s">
        <v>36</v>
      </c>
      <c r="L14" s="81"/>
      <c r="M14" s="81"/>
      <c r="N14" s="81"/>
      <c r="O14" s="81"/>
      <c r="P14" s="81"/>
    </row>
    <row r="15" spans="1:22" s="29" customFormat="1" ht="24.95" customHeight="1" x14ac:dyDescent="0.25">
      <c r="A15" s="67" t="s">
        <v>0</v>
      </c>
      <c r="B15" s="52"/>
      <c r="C15" s="53"/>
      <c r="D15" s="65"/>
      <c r="E15" s="65"/>
      <c r="F15" s="65"/>
      <c r="G15" s="65"/>
      <c r="H15" s="54"/>
      <c r="I15" s="55"/>
      <c r="J15" s="74"/>
      <c r="K15" s="143"/>
      <c r="L15" s="77"/>
      <c r="M15" s="77"/>
      <c r="N15" s="37"/>
      <c r="O15" s="37"/>
      <c r="P15" s="37"/>
    </row>
    <row r="16" spans="1:22" s="29" customFormat="1" ht="24.95" customHeight="1" x14ac:dyDescent="0.25">
      <c r="A16" s="66" t="s">
        <v>12</v>
      </c>
      <c r="B16" s="56"/>
      <c r="C16" s="57"/>
      <c r="D16" s="66"/>
      <c r="E16" s="66"/>
      <c r="F16" s="66"/>
      <c r="G16" s="67"/>
      <c r="H16" s="58"/>
      <c r="I16" s="59"/>
      <c r="J16" s="75"/>
      <c r="K16" s="144"/>
      <c r="L16" s="77"/>
      <c r="M16" s="77"/>
      <c r="N16" s="37"/>
      <c r="O16" s="37"/>
      <c r="P16" s="37"/>
    </row>
    <row r="17" spans="1:16" s="29" customFormat="1" ht="24.95" customHeight="1" x14ac:dyDescent="0.25">
      <c r="A17" s="68" t="s">
        <v>13</v>
      </c>
      <c r="B17" s="69"/>
      <c r="C17" s="70"/>
      <c r="D17" s="68"/>
      <c r="E17" s="68"/>
      <c r="F17" s="68"/>
      <c r="G17" s="68"/>
      <c r="H17" s="71"/>
      <c r="I17" s="72"/>
      <c r="J17" s="76"/>
      <c r="K17" s="145"/>
      <c r="L17" s="77"/>
      <c r="M17" s="77"/>
      <c r="N17" s="37"/>
      <c r="O17" s="37"/>
      <c r="P17" s="37"/>
    </row>
    <row r="18" spans="1:16" s="8" customFormat="1" ht="15.75" customHeight="1" x14ac:dyDescent="0.2">
      <c r="A18" s="6"/>
      <c r="B18" s="6"/>
      <c r="C18" s="6"/>
      <c r="D18" s="7"/>
      <c r="F18" s="9"/>
      <c r="G18" s="9"/>
      <c r="H18" s="9"/>
      <c r="I18" s="9"/>
      <c r="J18" s="17"/>
      <c r="K18" s="17"/>
      <c r="L18" s="17"/>
      <c r="M18" s="17"/>
    </row>
    <row r="19" spans="1:16" s="8" customFormat="1" ht="15.75" customHeight="1" x14ac:dyDescent="0.2">
      <c r="A19" s="6"/>
      <c r="B19" s="6"/>
      <c r="C19" s="6"/>
      <c r="D19" s="7"/>
      <c r="F19" s="9"/>
      <c r="G19" s="9"/>
      <c r="H19" s="9"/>
      <c r="I19" s="9"/>
      <c r="J19" s="17"/>
      <c r="K19" s="17"/>
      <c r="L19" s="17"/>
      <c r="M19" s="17"/>
    </row>
    <row r="20" spans="1:16" s="11" customFormat="1" ht="20.100000000000001" customHeight="1" x14ac:dyDescent="0.25">
      <c r="A20" s="11" t="s">
        <v>3</v>
      </c>
      <c r="C20" s="135"/>
      <c r="D20" s="135"/>
      <c r="E20" s="99" t="s">
        <v>2</v>
      </c>
      <c r="F20" s="117"/>
      <c r="G20" s="117"/>
      <c r="K20" s="17"/>
      <c r="L20" s="17"/>
    </row>
    <row r="21" spans="1:16" s="11" customFormat="1" ht="20.100000000000001" customHeight="1" x14ac:dyDescent="0.25">
      <c r="A21" s="11" t="s">
        <v>4</v>
      </c>
      <c r="C21" s="117"/>
      <c r="D21" s="117"/>
      <c r="E21" s="99" t="s">
        <v>1</v>
      </c>
      <c r="F21" s="118"/>
      <c r="G21" s="118"/>
      <c r="K21" s="14"/>
      <c r="L21" s="15"/>
    </row>
    <row r="22" spans="1:16" s="11" customFormat="1" ht="20.100000000000001" customHeight="1" x14ac:dyDescent="0.2">
      <c r="A22" s="11" t="s">
        <v>5</v>
      </c>
      <c r="C22" s="117"/>
      <c r="D22" s="117"/>
      <c r="E22" s="13"/>
      <c r="H22" s="18" t="s">
        <v>20</v>
      </c>
      <c r="I22" s="119"/>
      <c r="J22" s="119"/>
      <c r="L22" s="15"/>
    </row>
    <row r="23" spans="1:16" s="11" customFormat="1" ht="20.100000000000001" customHeight="1" x14ac:dyDescent="0.2">
      <c r="D23" s="12"/>
      <c r="H23" s="19"/>
      <c r="I23" s="20"/>
      <c r="J23" s="20"/>
      <c r="L23" s="15"/>
    </row>
    <row r="24" spans="1:16" s="11" customFormat="1" ht="20.100000000000001" customHeight="1" x14ac:dyDescent="0.25">
      <c r="A24" s="11" t="s">
        <v>6</v>
      </c>
      <c r="C24" s="135"/>
      <c r="D24" s="135"/>
      <c r="H24" s="21" t="s">
        <v>21</v>
      </c>
      <c r="I24" s="120"/>
      <c r="J24" s="120"/>
      <c r="L24" s="15"/>
    </row>
    <row r="25" spans="1:16" s="11" customFormat="1" ht="20.100000000000001" customHeight="1" x14ac:dyDescent="0.25">
      <c r="A25" s="11" t="s">
        <v>7</v>
      </c>
      <c r="C25" s="117"/>
      <c r="D25" s="117"/>
      <c r="E25" s="13"/>
      <c r="H25" s="21" t="s">
        <v>22</v>
      </c>
      <c r="I25" s="121"/>
      <c r="J25" s="121"/>
      <c r="L25" s="15"/>
    </row>
    <row r="26" spans="1:16" s="11" customFormat="1" ht="20.100000000000001" customHeight="1" x14ac:dyDescent="0.25">
      <c r="A26" s="11" t="s">
        <v>8</v>
      </c>
      <c r="C26" s="117"/>
      <c r="D26" s="117"/>
      <c r="E26" s="13"/>
      <c r="H26" s="22" t="s">
        <v>23</v>
      </c>
      <c r="I26" s="23"/>
      <c r="J26" s="23"/>
    </row>
    <row r="27" spans="1:16" s="11" customFormat="1" ht="20.100000000000001" customHeight="1" x14ac:dyDescent="0.25">
      <c r="A27" s="12"/>
      <c r="B27" s="12"/>
      <c r="C27" s="12"/>
      <c r="D27" s="13"/>
      <c r="E27" s="13"/>
    </row>
    <row r="28" spans="1:16" s="11" customFormat="1" ht="20.100000000000001" customHeight="1" x14ac:dyDescent="0.2">
      <c r="A28" s="146" t="s">
        <v>10</v>
      </c>
      <c r="B28" s="146"/>
      <c r="C28" s="12"/>
      <c r="D28" s="13"/>
      <c r="E28" s="13"/>
    </row>
    <row r="29" spans="1:16" s="8" customFormat="1" ht="20.100000000000001" customHeight="1" x14ac:dyDescent="0.2">
      <c r="A29" s="24"/>
      <c r="B29" s="25" t="s">
        <v>11</v>
      </c>
      <c r="D29" s="7"/>
      <c r="E29" s="7"/>
      <c r="F29" s="9"/>
      <c r="M29" s="6"/>
    </row>
  </sheetData>
  <mergeCells count="36">
    <mergeCell ref="C26:D26"/>
    <mergeCell ref="A28:B28"/>
    <mergeCell ref="C21:D21"/>
    <mergeCell ref="F21:G21"/>
    <mergeCell ref="C22:D22"/>
    <mergeCell ref="C24:D24"/>
    <mergeCell ref="L12:M12"/>
    <mergeCell ref="K15:K17"/>
    <mergeCell ref="C20:D20"/>
    <mergeCell ref="F20:G20"/>
    <mergeCell ref="C25:D25"/>
    <mergeCell ref="I25:J25"/>
    <mergeCell ref="I22:J22"/>
    <mergeCell ref="I24:J24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F20:G20">
    <cfRule type="containsBlanks" dxfId="71" priority="6">
      <formula>LEN(TRIM(F20))=0</formula>
    </cfRule>
  </conditionalFormatting>
  <conditionalFormatting sqref="I24:J24">
    <cfRule type="containsBlanks" dxfId="70" priority="4">
      <formula>LEN(TRIM(I24))=0</formula>
    </cfRule>
  </conditionalFormatting>
  <conditionalFormatting sqref="I25:J25">
    <cfRule type="containsBlanks" dxfId="69" priority="3">
      <formula>LEN(TRIM(I25))=0</formula>
    </cfRule>
  </conditionalFormatting>
  <conditionalFormatting sqref="C20:D22">
    <cfRule type="containsBlanks" dxfId="68" priority="2">
      <formula>LEN(TRIM(C20))=0</formula>
    </cfRule>
  </conditionalFormatting>
  <conditionalFormatting sqref="C24:D26">
    <cfRule type="containsBlanks" dxfId="67" priority="1">
      <formula>LEN(TRIM(C24))=0</formula>
    </cfRule>
  </conditionalFormatting>
  <conditionalFormatting sqref="F21:G21">
    <cfRule type="containsBlanks" dxfId="66" priority="5">
      <formula>LEN(TRIM(F21))=0</formula>
    </cfRule>
  </conditionalFormatting>
  <printOptions horizontalCentered="1"/>
  <pageMargins left="0.55118110236220474" right="0.55118110236220474" top="0.59055118110236227" bottom="0.59055118110236227" header="0.51181102362204722" footer="0.51181102362204722"/>
  <pageSetup paperSize="9" scale="66" fitToHeight="0" orientation="landscape" r:id="rId1"/>
  <headerFooter alignWithMargins="0"/>
  <colBreaks count="1" manualBreakCount="1">
    <brk id="13" max="28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4" tint="0.79998168889431442"/>
    <pageSetUpPr fitToPage="1"/>
  </sheetPr>
  <dimension ref="A1:V29"/>
  <sheetViews>
    <sheetView showGridLines="0" view="pageBreakPreview" zoomScale="60" zoomScaleNormal="90" workbookViewId="0">
      <selection sqref="A1:XFD1"/>
    </sheetView>
  </sheetViews>
  <sheetFormatPr defaultColWidth="9.140625" defaultRowHeight="12" x14ac:dyDescent="0.2"/>
  <cols>
    <col min="1" max="1" width="5" style="3" customWidth="1"/>
    <col min="2" max="2" width="29" style="3" customWidth="1"/>
    <col min="3" max="3" width="15.85546875" style="3" customWidth="1"/>
    <col min="4" max="4" width="16.42578125" style="4" customWidth="1"/>
    <col min="5" max="5" width="17" style="4" customWidth="1"/>
    <col min="6" max="6" width="15" style="2" customWidth="1"/>
    <col min="7" max="10" width="14.7109375" style="2" customWidth="1"/>
    <col min="11" max="11" width="14.7109375" style="5" customWidth="1"/>
    <col min="12" max="12" width="14.7109375" style="2" customWidth="1"/>
    <col min="13" max="13" width="15" style="2" customWidth="1"/>
    <col min="14" max="14" width="14.7109375" style="2" customWidth="1"/>
    <col min="15" max="16384" width="9.140625" style="2"/>
  </cols>
  <sheetData>
    <row r="1" spans="1:22" s="27" customFormat="1" ht="20.100000000000001" customHeight="1" x14ac:dyDescent="0.2">
      <c r="A1" s="122" t="s">
        <v>113</v>
      </c>
      <c r="B1" s="122"/>
      <c r="C1" s="122"/>
      <c r="D1" s="122"/>
      <c r="E1" s="122"/>
      <c r="F1" s="122"/>
      <c r="G1" s="122"/>
      <c r="H1" s="122"/>
      <c r="I1" s="122"/>
      <c r="J1" s="122"/>
      <c r="K1" s="122"/>
      <c r="L1" s="122"/>
      <c r="M1" s="122"/>
      <c r="N1" s="2"/>
      <c r="O1" s="2"/>
      <c r="P1" s="2"/>
      <c r="Q1" s="2"/>
      <c r="R1" s="2"/>
      <c r="S1" s="2"/>
      <c r="T1" s="2"/>
      <c r="U1" s="2"/>
      <c r="V1" s="26"/>
    </row>
    <row r="2" spans="1:22" ht="24.95" customHeight="1" x14ac:dyDescent="0.2">
      <c r="A2" s="16" t="s">
        <v>9</v>
      </c>
      <c r="B2" s="1"/>
      <c r="C2" s="10"/>
      <c r="D2" s="10"/>
      <c r="E2" s="10"/>
      <c r="F2" s="10"/>
      <c r="G2" s="10"/>
      <c r="H2" s="10"/>
      <c r="I2" s="10"/>
      <c r="J2" s="10"/>
      <c r="K2" s="10"/>
      <c r="L2" s="10"/>
    </row>
    <row r="3" spans="1:22" ht="24.95" customHeight="1" x14ac:dyDescent="0.2">
      <c r="A3" s="123" t="s">
        <v>105</v>
      </c>
      <c r="B3" s="123"/>
      <c r="C3" s="123"/>
      <c r="D3" s="123"/>
      <c r="E3" s="123"/>
      <c r="F3" s="123"/>
      <c r="G3" s="123"/>
      <c r="H3" s="123"/>
      <c r="I3" s="123"/>
      <c r="J3" s="123"/>
      <c r="K3" s="123"/>
      <c r="L3" s="123"/>
    </row>
    <row r="4" spans="1:22" ht="14.25" customHeight="1" x14ac:dyDescent="0.2">
      <c r="A4" s="100"/>
      <c r="B4" s="100"/>
      <c r="C4" s="100"/>
      <c r="D4" s="100"/>
      <c r="E4" s="100"/>
      <c r="F4" s="100"/>
      <c r="G4" s="100"/>
      <c r="H4" s="100"/>
      <c r="I4" s="100"/>
      <c r="J4" s="100"/>
      <c r="K4" s="100"/>
      <c r="L4" s="100"/>
    </row>
    <row r="5" spans="1:22" ht="24.95" customHeight="1" x14ac:dyDescent="0.2">
      <c r="A5" s="123" t="s">
        <v>59</v>
      </c>
      <c r="B5" s="123"/>
      <c r="C5" s="123"/>
      <c r="D5" s="123"/>
      <c r="E5" s="123"/>
      <c r="F5" s="123"/>
      <c r="G5" s="123"/>
      <c r="H5" s="123"/>
      <c r="I5" s="123"/>
      <c r="J5" s="123"/>
      <c r="K5" s="123"/>
      <c r="L5" s="123"/>
    </row>
    <row r="6" spans="1:22" s="30" customFormat="1" ht="33" customHeight="1" x14ac:dyDescent="0.25">
      <c r="A6" s="124" t="s">
        <v>24</v>
      </c>
      <c r="B6" s="126" t="s">
        <v>25</v>
      </c>
      <c r="C6" s="124" t="s">
        <v>43</v>
      </c>
      <c r="D6" s="128" t="s">
        <v>49</v>
      </c>
      <c r="E6" s="130" t="s">
        <v>29</v>
      </c>
      <c r="F6" s="130" t="s">
        <v>30</v>
      </c>
      <c r="G6" s="130" t="s">
        <v>31</v>
      </c>
      <c r="H6" s="102" t="s">
        <v>32</v>
      </c>
      <c r="I6" s="132" t="s">
        <v>33</v>
      </c>
      <c r="J6" s="133"/>
      <c r="K6" s="133"/>
      <c r="L6" s="132" t="s">
        <v>44</v>
      </c>
      <c r="M6" s="134"/>
      <c r="O6" s="34"/>
      <c r="P6" s="34"/>
    </row>
    <row r="7" spans="1:22" s="30" customFormat="1" ht="33" customHeight="1" x14ac:dyDescent="0.25">
      <c r="A7" s="125"/>
      <c r="B7" s="127"/>
      <c r="C7" s="125"/>
      <c r="D7" s="129"/>
      <c r="E7" s="131"/>
      <c r="F7" s="131"/>
      <c r="G7" s="131"/>
      <c r="H7" s="101"/>
      <c r="I7" s="60" t="s">
        <v>26</v>
      </c>
      <c r="J7" s="61" t="s">
        <v>34</v>
      </c>
      <c r="K7" s="62" t="s">
        <v>28</v>
      </c>
      <c r="L7" s="63" t="s">
        <v>26</v>
      </c>
      <c r="M7" s="64" t="s">
        <v>28</v>
      </c>
      <c r="O7" s="34"/>
      <c r="P7" s="34"/>
    </row>
    <row r="8" spans="1:22" s="80" customFormat="1" ht="14.1" customHeight="1" x14ac:dyDescent="0.25">
      <c r="A8" s="93" t="s">
        <v>0</v>
      </c>
      <c r="B8" s="93" t="s">
        <v>12</v>
      </c>
      <c r="C8" s="93" t="s">
        <v>13</v>
      </c>
      <c r="D8" s="93" t="s">
        <v>14</v>
      </c>
      <c r="E8" s="91" t="s">
        <v>15</v>
      </c>
      <c r="F8" s="79" t="s">
        <v>16</v>
      </c>
      <c r="G8" s="79" t="s">
        <v>17</v>
      </c>
      <c r="H8" s="79" t="s">
        <v>18</v>
      </c>
      <c r="I8" s="79" t="s">
        <v>19</v>
      </c>
      <c r="J8" s="79" t="s">
        <v>35</v>
      </c>
      <c r="K8" s="79" t="s">
        <v>36</v>
      </c>
      <c r="L8" s="79" t="s">
        <v>37</v>
      </c>
      <c r="M8" s="79" t="s">
        <v>38</v>
      </c>
      <c r="O8" s="81"/>
      <c r="P8" s="81"/>
    </row>
    <row r="9" spans="1:22" s="31" customFormat="1" ht="39.75" customHeight="1" thickBot="1" x14ac:dyDescent="0.3">
      <c r="A9" s="38" t="s">
        <v>0</v>
      </c>
      <c r="B9" s="39" t="s">
        <v>60</v>
      </c>
      <c r="C9" s="92" t="s">
        <v>46</v>
      </c>
      <c r="D9" s="98"/>
      <c r="E9" s="40"/>
      <c r="F9" s="40"/>
      <c r="G9" s="40"/>
      <c r="H9" s="41"/>
      <c r="I9" s="42"/>
      <c r="J9" s="43"/>
      <c r="K9" s="44"/>
      <c r="L9" s="45"/>
      <c r="M9" s="46"/>
      <c r="O9" s="37"/>
      <c r="P9" s="37"/>
    </row>
    <row r="10" spans="1:22" s="32" customFormat="1" ht="33" customHeight="1" thickBot="1" x14ac:dyDescent="0.3">
      <c r="A10" s="47"/>
      <c r="B10" s="48"/>
      <c r="C10" s="48"/>
      <c r="D10" s="48"/>
      <c r="E10" s="49"/>
      <c r="F10" s="49"/>
      <c r="G10" s="49"/>
      <c r="H10" s="49"/>
      <c r="I10" s="48"/>
      <c r="J10" s="48"/>
      <c r="K10" s="48"/>
      <c r="L10" s="78">
        <f>SUM(L9:L9)</f>
        <v>0</v>
      </c>
      <c r="M10" s="94">
        <f>SUM(M9:M9)</f>
        <v>0</v>
      </c>
      <c r="O10" s="50"/>
      <c r="P10" s="50"/>
    </row>
    <row r="11" spans="1:22" s="33" customFormat="1" ht="29.25" customHeight="1" x14ac:dyDescent="0.25">
      <c r="A11" s="135" t="s">
        <v>61</v>
      </c>
      <c r="B11" s="135"/>
      <c r="C11" s="135"/>
      <c r="D11" s="135"/>
      <c r="E11" s="135"/>
      <c r="F11" s="135"/>
      <c r="G11" s="135"/>
      <c r="H11" s="135"/>
      <c r="I11" s="135"/>
      <c r="J11" s="135"/>
      <c r="K11" s="135"/>
      <c r="L11" s="51"/>
      <c r="M11" s="51"/>
      <c r="N11" s="51"/>
      <c r="O11" s="51"/>
      <c r="P11" s="51"/>
    </row>
    <row r="12" spans="1:22" s="28" customFormat="1" ht="22.5" customHeight="1" x14ac:dyDescent="0.25">
      <c r="A12" s="136" t="s">
        <v>24</v>
      </c>
      <c r="B12" s="136" t="s">
        <v>39</v>
      </c>
      <c r="C12" s="136" t="s">
        <v>40</v>
      </c>
      <c r="D12" s="136" t="s">
        <v>30</v>
      </c>
      <c r="E12" s="136" t="s">
        <v>32</v>
      </c>
      <c r="F12" s="136" t="s">
        <v>41</v>
      </c>
      <c r="G12" s="136" t="s">
        <v>42</v>
      </c>
      <c r="H12" s="138" t="s">
        <v>45</v>
      </c>
      <c r="I12" s="139"/>
      <c r="J12" s="139"/>
      <c r="K12" s="140" t="s">
        <v>48</v>
      </c>
      <c r="L12" s="142"/>
      <c r="M12" s="142"/>
      <c r="N12" s="34"/>
      <c r="O12" s="34"/>
      <c r="P12" s="34"/>
    </row>
    <row r="13" spans="1:22" s="28" customFormat="1" ht="22.5" customHeight="1" x14ac:dyDescent="0.25">
      <c r="A13" s="137"/>
      <c r="B13" s="137"/>
      <c r="C13" s="137"/>
      <c r="D13" s="137"/>
      <c r="E13" s="137"/>
      <c r="F13" s="137"/>
      <c r="G13" s="137"/>
      <c r="H13" s="35" t="s">
        <v>26</v>
      </c>
      <c r="I13" s="36" t="s">
        <v>27</v>
      </c>
      <c r="J13" s="73" t="s">
        <v>28</v>
      </c>
      <c r="K13" s="141"/>
      <c r="L13" s="37"/>
      <c r="M13" s="37"/>
      <c r="N13" s="34"/>
      <c r="O13" s="34"/>
      <c r="P13" s="34"/>
    </row>
    <row r="14" spans="1:22" s="89" customFormat="1" ht="14.1" customHeight="1" x14ac:dyDescent="0.25">
      <c r="A14" s="82" t="s">
        <v>0</v>
      </c>
      <c r="B14" s="83" t="s">
        <v>12</v>
      </c>
      <c r="C14" s="83" t="s">
        <v>13</v>
      </c>
      <c r="D14" s="83" t="s">
        <v>14</v>
      </c>
      <c r="E14" s="90" t="s">
        <v>15</v>
      </c>
      <c r="F14" s="84" t="s">
        <v>16</v>
      </c>
      <c r="G14" s="79" t="s">
        <v>17</v>
      </c>
      <c r="H14" s="85" t="s">
        <v>18</v>
      </c>
      <c r="I14" s="86" t="s">
        <v>19</v>
      </c>
      <c r="J14" s="87" t="s">
        <v>35</v>
      </c>
      <c r="K14" s="88" t="s">
        <v>36</v>
      </c>
      <c r="L14" s="81"/>
      <c r="M14" s="81"/>
      <c r="N14" s="81"/>
      <c r="O14" s="81"/>
      <c r="P14" s="81"/>
    </row>
    <row r="15" spans="1:22" s="29" customFormat="1" ht="24.95" customHeight="1" x14ac:dyDescent="0.25">
      <c r="A15" s="67" t="s">
        <v>0</v>
      </c>
      <c r="B15" s="52"/>
      <c r="C15" s="53"/>
      <c r="D15" s="65"/>
      <c r="E15" s="65"/>
      <c r="F15" s="65"/>
      <c r="G15" s="65"/>
      <c r="H15" s="54"/>
      <c r="I15" s="55"/>
      <c r="J15" s="74"/>
      <c r="K15" s="143"/>
      <c r="L15" s="77"/>
      <c r="M15" s="77"/>
      <c r="N15" s="37"/>
      <c r="O15" s="37"/>
      <c r="P15" s="37"/>
    </row>
    <row r="16" spans="1:22" s="29" customFormat="1" ht="24.95" customHeight="1" x14ac:dyDescent="0.25">
      <c r="A16" s="66" t="s">
        <v>12</v>
      </c>
      <c r="B16" s="56"/>
      <c r="C16" s="57"/>
      <c r="D16" s="66"/>
      <c r="E16" s="66"/>
      <c r="F16" s="66"/>
      <c r="G16" s="67"/>
      <c r="H16" s="58"/>
      <c r="I16" s="59"/>
      <c r="J16" s="75"/>
      <c r="K16" s="144"/>
      <c r="L16" s="77"/>
      <c r="M16" s="77"/>
      <c r="N16" s="37"/>
      <c r="O16" s="37"/>
      <c r="P16" s="37"/>
    </row>
    <row r="17" spans="1:16" s="29" customFormat="1" ht="24.95" customHeight="1" x14ac:dyDescent="0.25">
      <c r="A17" s="68" t="s">
        <v>13</v>
      </c>
      <c r="B17" s="69"/>
      <c r="C17" s="70"/>
      <c r="D17" s="68"/>
      <c r="E17" s="68"/>
      <c r="F17" s="68"/>
      <c r="G17" s="68"/>
      <c r="H17" s="71"/>
      <c r="I17" s="72"/>
      <c r="J17" s="76"/>
      <c r="K17" s="145"/>
      <c r="L17" s="77"/>
      <c r="M17" s="77"/>
      <c r="N17" s="37"/>
      <c r="O17" s="37"/>
      <c r="P17" s="37"/>
    </row>
    <row r="18" spans="1:16" s="8" customFormat="1" ht="15.75" customHeight="1" x14ac:dyDescent="0.2">
      <c r="A18" s="6"/>
      <c r="B18" s="6"/>
      <c r="C18" s="6"/>
      <c r="D18" s="7"/>
      <c r="F18" s="9"/>
      <c r="G18" s="9"/>
      <c r="H18" s="9"/>
      <c r="I18" s="9"/>
      <c r="J18" s="17"/>
      <c r="K18" s="17"/>
      <c r="L18" s="17"/>
      <c r="M18" s="17"/>
    </row>
    <row r="19" spans="1:16" s="8" customFormat="1" ht="15.75" customHeight="1" x14ac:dyDescent="0.2">
      <c r="A19" s="6"/>
      <c r="B19" s="6"/>
      <c r="C19" s="6"/>
      <c r="D19" s="7"/>
      <c r="F19" s="9"/>
      <c r="G19" s="9"/>
      <c r="H19" s="9"/>
      <c r="I19" s="9"/>
      <c r="J19" s="17"/>
      <c r="K19" s="17"/>
      <c r="L19" s="17"/>
      <c r="M19" s="17"/>
    </row>
    <row r="20" spans="1:16" s="11" customFormat="1" ht="20.100000000000001" customHeight="1" x14ac:dyDescent="0.25">
      <c r="A20" s="11" t="s">
        <v>3</v>
      </c>
      <c r="C20" s="135"/>
      <c r="D20" s="135"/>
      <c r="E20" s="99" t="s">
        <v>2</v>
      </c>
      <c r="F20" s="117"/>
      <c r="G20" s="117"/>
      <c r="K20" s="17"/>
      <c r="L20" s="17"/>
    </row>
    <row r="21" spans="1:16" s="11" customFormat="1" ht="20.100000000000001" customHeight="1" x14ac:dyDescent="0.25">
      <c r="A21" s="11" t="s">
        <v>4</v>
      </c>
      <c r="C21" s="117"/>
      <c r="D21" s="117"/>
      <c r="E21" s="99" t="s">
        <v>1</v>
      </c>
      <c r="F21" s="118"/>
      <c r="G21" s="118"/>
      <c r="K21" s="14"/>
      <c r="L21" s="15"/>
    </row>
    <row r="22" spans="1:16" s="11" customFormat="1" ht="20.100000000000001" customHeight="1" x14ac:dyDescent="0.2">
      <c r="A22" s="11" t="s">
        <v>5</v>
      </c>
      <c r="C22" s="117"/>
      <c r="D22" s="117"/>
      <c r="E22" s="13"/>
      <c r="H22" s="18" t="s">
        <v>20</v>
      </c>
      <c r="I22" s="119"/>
      <c r="J22" s="119"/>
      <c r="L22" s="15"/>
    </row>
    <row r="23" spans="1:16" s="11" customFormat="1" ht="20.100000000000001" customHeight="1" x14ac:dyDescent="0.2">
      <c r="D23" s="12"/>
      <c r="H23" s="19"/>
      <c r="I23" s="20"/>
      <c r="J23" s="20"/>
      <c r="L23" s="15"/>
    </row>
    <row r="24" spans="1:16" s="11" customFormat="1" ht="20.100000000000001" customHeight="1" x14ac:dyDescent="0.25">
      <c r="A24" s="11" t="s">
        <v>6</v>
      </c>
      <c r="C24" s="135"/>
      <c r="D24" s="135"/>
      <c r="H24" s="21" t="s">
        <v>21</v>
      </c>
      <c r="I24" s="120"/>
      <c r="J24" s="120"/>
      <c r="L24" s="15"/>
    </row>
    <row r="25" spans="1:16" s="11" customFormat="1" ht="20.100000000000001" customHeight="1" x14ac:dyDescent="0.25">
      <c r="A25" s="11" t="s">
        <v>7</v>
      </c>
      <c r="C25" s="117"/>
      <c r="D25" s="117"/>
      <c r="E25" s="13"/>
      <c r="H25" s="21" t="s">
        <v>22</v>
      </c>
      <c r="I25" s="121"/>
      <c r="J25" s="121"/>
      <c r="L25" s="15"/>
    </row>
    <row r="26" spans="1:16" s="11" customFormat="1" ht="20.100000000000001" customHeight="1" x14ac:dyDescent="0.25">
      <c r="A26" s="11" t="s">
        <v>8</v>
      </c>
      <c r="C26" s="117"/>
      <c r="D26" s="117"/>
      <c r="E26" s="13"/>
      <c r="H26" s="22" t="s">
        <v>23</v>
      </c>
      <c r="I26" s="23"/>
      <c r="J26" s="23"/>
    </row>
    <row r="27" spans="1:16" s="11" customFormat="1" ht="20.100000000000001" customHeight="1" x14ac:dyDescent="0.25">
      <c r="A27" s="12"/>
      <c r="B27" s="12"/>
      <c r="C27" s="12"/>
      <c r="D27" s="13"/>
      <c r="E27" s="13"/>
    </row>
    <row r="28" spans="1:16" s="11" customFormat="1" ht="20.100000000000001" customHeight="1" x14ac:dyDescent="0.2">
      <c r="A28" s="146" t="s">
        <v>10</v>
      </c>
      <c r="B28" s="146"/>
      <c r="C28" s="12"/>
      <c r="D28" s="13"/>
      <c r="E28" s="13"/>
    </row>
    <row r="29" spans="1:16" s="8" customFormat="1" ht="20.100000000000001" customHeight="1" x14ac:dyDescent="0.2">
      <c r="A29" s="24"/>
      <c r="B29" s="25" t="s">
        <v>11</v>
      </c>
      <c r="D29" s="7"/>
      <c r="E29" s="7"/>
      <c r="F29" s="9"/>
      <c r="M29" s="6"/>
    </row>
  </sheetData>
  <mergeCells count="36">
    <mergeCell ref="C26:D26"/>
    <mergeCell ref="A28:B28"/>
    <mergeCell ref="C21:D21"/>
    <mergeCell ref="F21:G21"/>
    <mergeCell ref="C22:D22"/>
    <mergeCell ref="C24:D24"/>
    <mergeCell ref="L12:M12"/>
    <mergeCell ref="K15:K17"/>
    <mergeCell ref="C20:D20"/>
    <mergeCell ref="F20:G20"/>
    <mergeCell ref="C25:D25"/>
    <mergeCell ref="I25:J25"/>
    <mergeCell ref="I22:J22"/>
    <mergeCell ref="I24:J24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F20:G20">
    <cfRule type="containsBlanks" dxfId="65" priority="6">
      <formula>LEN(TRIM(F20))=0</formula>
    </cfRule>
  </conditionalFormatting>
  <conditionalFormatting sqref="I24:J24">
    <cfRule type="containsBlanks" dxfId="64" priority="4">
      <formula>LEN(TRIM(I24))=0</formula>
    </cfRule>
  </conditionalFormatting>
  <conditionalFormatting sqref="I25:J25">
    <cfRule type="containsBlanks" dxfId="63" priority="3">
      <formula>LEN(TRIM(I25))=0</formula>
    </cfRule>
  </conditionalFormatting>
  <conditionalFormatting sqref="C20:D22">
    <cfRule type="containsBlanks" dxfId="62" priority="2">
      <formula>LEN(TRIM(C20))=0</formula>
    </cfRule>
  </conditionalFormatting>
  <conditionalFormatting sqref="C24:D26">
    <cfRule type="containsBlanks" dxfId="61" priority="1">
      <formula>LEN(TRIM(C24))=0</formula>
    </cfRule>
  </conditionalFormatting>
  <conditionalFormatting sqref="F21:G21">
    <cfRule type="containsBlanks" dxfId="60" priority="5">
      <formula>LEN(TRIM(F21))=0</formula>
    </cfRule>
  </conditionalFormatting>
  <printOptions horizontalCentered="1"/>
  <pageMargins left="0.55118110236220474" right="0.55118110236220474" top="0.59055118110236227" bottom="0.59055118110236227" header="0.51181102362204722" footer="0.51181102362204722"/>
  <pageSetup paperSize="9" scale="66" fitToHeight="0" orientation="landscape" r:id="rId1"/>
  <headerFooter alignWithMargins="0"/>
  <colBreaks count="1" manualBreakCount="1">
    <brk id="13" max="28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742A017-13CB-4B14-B31A-3032A5F22DCB}">
  <sheetPr>
    <tabColor theme="4" tint="0.79998168889431442"/>
    <pageSetUpPr fitToPage="1"/>
  </sheetPr>
  <dimension ref="A1:V37"/>
  <sheetViews>
    <sheetView showGridLines="0" zoomScale="90" zoomScaleNormal="90" workbookViewId="0">
      <selection sqref="A1:XFD1"/>
    </sheetView>
  </sheetViews>
  <sheetFormatPr defaultColWidth="9.140625" defaultRowHeight="12" x14ac:dyDescent="0.2"/>
  <cols>
    <col min="1" max="1" width="5" style="3" customWidth="1"/>
    <col min="2" max="2" width="29" style="3" customWidth="1"/>
    <col min="3" max="3" width="15.85546875" style="3" customWidth="1"/>
    <col min="4" max="4" width="16.42578125" style="4" customWidth="1"/>
    <col min="5" max="5" width="17" style="4" customWidth="1"/>
    <col min="6" max="6" width="15" style="2" customWidth="1"/>
    <col min="7" max="10" width="14.7109375" style="2" customWidth="1"/>
    <col min="11" max="11" width="14.7109375" style="5" customWidth="1"/>
    <col min="12" max="12" width="14.7109375" style="2" customWidth="1"/>
    <col min="13" max="13" width="15" style="2" customWidth="1"/>
    <col min="14" max="14" width="14.7109375" style="2" customWidth="1"/>
    <col min="15" max="16384" width="9.140625" style="2"/>
  </cols>
  <sheetData>
    <row r="1" spans="1:22" s="27" customFormat="1" ht="20.100000000000001" customHeight="1" x14ac:dyDescent="0.2">
      <c r="A1" s="122" t="s">
        <v>113</v>
      </c>
      <c r="B1" s="122"/>
      <c r="C1" s="122"/>
      <c r="D1" s="122"/>
      <c r="E1" s="122"/>
      <c r="F1" s="122"/>
      <c r="G1" s="122"/>
      <c r="H1" s="122"/>
      <c r="I1" s="122"/>
      <c r="J1" s="122"/>
      <c r="K1" s="122"/>
      <c r="L1" s="122"/>
      <c r="M1" s="122"/>
      <c r="N1" s="2"/>
      <c r="O1" s="2"/>
      <c r="P1" s="2"/>
      <c r="Q1" s="2"/>
      <c r="R1" s="2"/>
      <c r="S1" s="2"/>
      <c r="T1" s="2"/>
      <c r="U1" s="2"/>
      <c r="V1" s="26"/>
    </row>
    <row r="2" spans="1:22" ht="24.95" customHeight="1" x14ac:dyDescent="0.2">
      <c r="A2" s="16" t="s">
        <v>9</v>
      </c>
      <c r="B2" s="1"/>
      <c r="C2" s="10"/>
      <c r="D2" s="10"/>
      <c r="E2" s="10"/>
      <c r="F2" s="10"/>
      <c r="G2" s="10"/>
      <c r="H2" s="10"/>
      <c r="I2" s="10"/>
      <c r="J2" s="10"/>
      <c r="K2" s="10"/>
      <c r="L2" s="10"/>
    </row>
    <row r="3" spans="1:22" ht="24.95" customHeight="1" x14ac:dyDescent="0.2">
      <c r="A3" s="123" t="s">
        <v>47</v>
      </c>
      <c r="B3" s="123"/>
      <c r="C3" s="123"/>
      <c r="D3" s="123"/>
      <c r="E3" s="123"/>
      <c r="F3" s="123"/>
      <c r="G3" s="123"/>
      <c r="H3" s="123"/>
      <c r="I3" s="123"/>
      <c r="J3" s="123"/>
      <c r="K3" s="123"/>
      <c r="L3" s="123"/>
    </row>
    <row r="4" spans="1:22" ht="14.25" customHeight="1" x14ac:dyDescent="0.2">
      <c r="A4" s="103"/>
      <c r="B4" s="103"/>
      <c r="C4" s="103"/>
      <c r="D4" s="103"/>
      <c r="E4" s="103"/>
      <c r="F4" s="103"/>
      <c r="G4" s="103"/>
      <c r="H4" s="103"/>
      <c r="I4" s="103"/>
      <c r="J4" s="103"/>
      <c r="K4" s="103"/>
      <c r="L4" s="103"/>
    </row>
    <row r="5" spans="1:22" ht="24.95" customHeight="1" x14ac:dyDescent="0.2">
      <c r="A5" s="123" t="s">
        <v>66</v>
      </c>
      <c r="B5" s="123"/>
      <c r="C5" s="123"/>
      <c r="D5" s="123"/>
      <c r="E5" s="123"/>
      <c r="F5" s="123"/>
      <c r="G5" s="123"/>
      <c r="H5" s="123"/>
      <c r="I5" s="123"/>
      <c r="J5" s="123"/>
      <c r="K5" s="123"/>
      <c r="L5" s="123"/>
    </row>
    <row r="6" spans="1:22" s="30" customFormat="1" ht="33" customHeight="1" x14ac:dyDescent="0.25">
      <c r="A6" s="124" t="s">
        <v>24</v>
      </c>
      <c r="B6" s="126" t="s">
        <v>25</v>
      </c>
      <c r="C6" s="124" t="s">
        <v>43</v>
      </c>
      <c r="D6" s="128" t="s">
        <v>49</v>
      </c>
      <c r="E6" s="130" t="s">
        <v>29</v>
      </c>
      <c r="F6" s="130" t="s">
        <v>30</v>
      </c>
      <c r="G6" s="130" t="s">
        <v>31</v>
      </c>
      <c r="H6" s="105" t="s">
        <v>32</v>
      </c>
      <c r="I6" s="132" t="s">
        <v>33</v>
      </c>
      <c r="J6" s="133"/>
      <c r="K6" s="133"/>
      <c r="L6" s="132" t="s">
        <v>44</v>
      </c>
      <c r="M6" s="134"/>
      <c r="O6" s="34"/>
      <c r="P6" s="34"/>
    </row>
    <row r="7" spans="1:22" s="30" customFormat="1" ht="33" customHeight="1" x14ac:dyDescent="0.25">
      <c r="A7" s="125"/>
      <c r="B7" s="127"/>
      <c r="C7" s="125"/>
      <c r="D7" s="129"/>
      <c r="E7" s="131"/>
      <c r="F7" s="131"/>
      <c r="G7" s="131"/>
      <c r="H7" s="104"/>
      <c r="I7" s="60" t="s">
        <v>26</v>
      </c>
      <c r="J7" s="61" t="s">
        <v>34</v>
      </c>
      <c r="K7" s="62" t="s">
        <v>28</v>
      </c>
      <c r="L7" s="63" t="s">
        <v>26</v>
      </c>
      <c r="M7" s="64" t="s">
        <v>28</v>
      </c>
      <c r="O7" s="34"/>
      <c r="P7" s="34"/>
    </row>
    <row r="8" spans="1:22" s="80" customFormat="1" ht="14.1" customHeight="1" x14ac:dyDescent="0.25">
      <c r="A8" s="93" t="s">
        <v>0</v>
      </c>
      <c r="B8" s="93" t="s">
        <v>12</v>
      </c>
      <c r="C8" s="93" t="s">
        <v>13</v>
      </c>
      <c r="D8" s="93" t="s">
        <v>14</v>
      </c>
      <c r="E8" s="91" t="s">
        <v>15</v>
      </c>
      <c r="F8" s="79" t="s">
        <v>16</v>
      </c>
      <c r="G8" s="79" t="s">
        <v>17</v>
      </c>
      <c r="H8" s="79" t="s">
        <v>18</v>
      </c>
      <c r="I8" s="79" t="s">
        <v>19</v>
      </c>
      <c r="J8" s="79" t="s">
        <v>35</v>
      </c>
      <c r="K8" s="79" t="s">
        <v>36</v>
      </c>
      <c r="L8" s="79" t="s">
        <v>37</v>
      </c>
      <c r="M8" s="79" t="s">
        <v>38</v>
      </c>
      <c r="O8" s="81"/>
      <c r="P8" s="81"/>
    </row>
    <row r="9" spans="1:22" s="31" customFormat="1" ht="33" customHeight="1" x14ac:dyDescent="0.25">
      <c r="A9" s="38" t="s">
        <v>0</v>
      </c>
      <c r="B9" s="39" t="s">
        <v>62</v>
      </c>
      <c r="C9" s="92" t="s">
        <v>46</v>
      </c>
      <c r="D9" s="98"/>
      <c r="E9" s="40"/>
      <c r="F9" s="40"/>
      <c r="G9" s="40"/>
      <c r="H9" s="41"/>
      <c r="I9" s="42"/>
      <c r="J9" s="43"/>
      <c r="K9" s="44"/>
      <c r="L9" s="45"/>
      <c r="M9" s="46"/>
      <c r="O9" s="37"/>
      <c r="P9" s="37"/>
    </row>
    <row r="10" spans="1:22" s="31" customFormat="1" ht="33" customHeight="1" thickBot="1" x14ac:dyDescent="0.3">
      <c r="A10" s="38" t="s">
        <v>12</v>
      </c>
      <c r="B10" s="39" t="s">
        <v>63</v>
      </c>
      <c r="C10" s="92" t="s">
        <v>46</v>
      </c>
      <c r="D10" s="98"/>
      <c r="E10" s="40"/>
      <c r="F10" s="40"/>
      <c r="G10" s="40"/>
      <c r="H10" s="41"/>
      <c r="I10" s="42"/>
      <c r="J10" s="43"/>
      <c r="K10" s="44"/>
      <c r="L10" s="45"/>
      <c r="M10" s="46"/>
      <c r="O10" s="37"/>
      <c r="P10" s="37"/>
    </row>
    <row r="11" spans="1:22" s="32" customFormat="1" ht="33" customHeight="1" thickBot="1" x14ac:dyDescent="0.3">
      <c r="A11" s="47"/>
      <c r="B11" s="48"/>
      <c r="C11" s="48"/>
      <c r="D11" s="48"/>
      <c r="E11" s="49"/>
      <c r="F11" s="49"/>
      <c r="G11" s="49"/>
      <c r="H11" s="49"/>
      <c r="I11" s="48"/>
      <c r="J11" s="48"/>
      <c r="K11" s="48"/>
      <c r="L11" s="78">
        <f>SUM(L9:L10)</f>
        <v>0</v>
      </c>
      <c r="M11" s="94">
        <f>SUM(M9:M10)</f>
        <v>0</v>
      </c>
      <c r="O11" s="50"/>
      <c r="P11" s="50"/>
    </row>
    <row r="12" spans="1:22" s="33" customFormat="1" ht="24.95" customHeight="1" x14ac:dyDescent="0.25">
      <c r="A12" s="135" t="s">
        <v>64</v>
      </c>
      <c r="B12" s="135"/>
      <c r="C12" s="135"/>
      <c r="D12" s="135"/>
      <c r="E12" s="135"/>
      <c r="F12" s="135"/>
      <c r="G12" s="135"/>
      <c r="H12" s="135"/>
      <c r="I12" s="135"/>
      <c r="J12" s="135"/>
      <c r="K12" s="135"/>
      <c r="L12" s="51"/>
      <c r="M12" s="51"/>
      <c r="N12" s="51"/>
      <c r="O12" s="51"/>
      <c r="P12" s="51"/>
    </row>
    <row r="13" spans="1:22" s="28" customFormat="1" ht="22.5" customHeight="1" x14ac:dyDescent="0.25">
      <c r="A13" s="136" t="s">
        <v>24</v>
      </c>
      <c r="B13" s="136" t="s">
        <v>39</v>
      </c>
      <c r="C13" s="136" t="s">
        <v>40</v>
      </c>
      <c r="D13" s="136" t="s">
        <v>30</v>
      </c>
      <c r="E13" s="136" t="s">
        <v>32</v>
      </c>
      <c r="F13" s="136" t="s">
        <v>41</v>
      </c>
      <c r="G13" s="136" t="s">
        <v>42</v>
      </c>
      <c r="H13" s="138" t="s">
        <v>45</v>
      </c>
      <c r="I13" s="139"/>
      <c r="J13" s="139"/>
      <c r="K13" s="140" t="s">
        <v>48</v>
      </c>
      <c r="L13" s="142"/>
      <c r="M13" s="142"/>
      <c r="N13" s="34"/>
      <c r="O13" s="34"/>
      <c r="P13" s="34"/>
    </row>
    <row r="14" spans="1:22" s="28" customFormat="1" ht="22.5" customHeight="1" x14ac:dyDescent="0.25">
      <c r="A14" s="137"/>
      <c r="B14" s="137"/>
      <c r="C14" s="137"/>
      <c r="D14" s="137"/>
      <c r="E14" s="137"/>
      <c r="F14" s="137"/>
      <c r="G14" s="137"/>
      <c r="H14" s="35" t="s">
        <v>26</v>
      </c>
      <c r="I14" s="36" t="s">
        <v>27</v>
      </c>
      <c r="J14" s="73" t="s">
        <v>28</v>
      </c>
      <c r="K14" s="141"/>
      <c r="L14" s="37"/>
      <c r="M14" s="37"/>
      <c r="N14" s="34"/>
      <c r="O14" s="34"/>
      <c r="P14" s="34"/>
    </row>
    <row r="15" spans="1:22" s="89" customFormat="1" ht="14.1" customHeight="1" x14ac:dyDescent="0.25">
      <c r="A15" s="82" t="s">
        <v>0</v>
      </c>
      <c r="B15" s="83" t="s">
        <v>12</v>
      </c>
      <c r="C15" s="83" t="s">
        <v>13</v>
      </c>
      <c r="D15" s="83" t="s">
        <v>14</v>
      </c>
      <c r="E15" s="90" t="s">
        <v>15</v>
      </c>
      <c r="F15" s="84" t="s">
        <v>16</v>
      </c>
      <c r="G15" s="79" t="s">
        <v>17</v>
      </c>
      <c r="H15" s="85" t="s">
        <v>18</v>
      </c>
      <c r="I15" s="86" t="s">
        <v>19</v>
      </c>
      <c r="J15" s="87" t="s">
        <v>35</v>
      </c>
      <c r="K15" s="88" t="s">
        <v>36</v>
      </c>
      <c r="L15" s="81"/>
      <c r="M15" s="81"/>
      <c r="N15" s="81"/>
      <c r="O15" s="81"/>
      <c r="P15" s="81"/>
    </row>
    <row r="16" spans="1:22" s="29" customFormat="1" ht="24.95" customHeight="1" x14ac:dyDescent="0.25">
      <c r="A16" s="67" t="s">
        <v>0</v>
      </c>
      <c r="B16" s="52"/>
      <c r="C16" s="53"/>
      <c r="D16" s="65"/>
      <c r="E16" s="65"/>
      <c r="F16" s="65"/>
      <c r="G16" s="65"/>
      <c r="H16" s="54"/>
      <c r="I16" s="55"/>
      <c r="J16" s="74"/>
      <c r="K16" s="143"/>
      <c r="L16" s="77"/>
      <c r="M16" s="77"/>
      <c r="N16" s="37"/>
      <c r="O16" s="37"/>
      <c r="P16" s="37"/>
    </row>
    <row r="17" spans="1:16" s="29" customFormat="1" ht="24.95" customHeight="1" x14ac:dyDescent="0.25">
      <c r="A17" s="66" t="s">
        <v>12</v>
      </c>
      <c r="B17" s="56"/>
      <c r="C17" s="57"/>
      <c r="D17" s="66"/>
      <c r="E17" s="66"/>
      <c r="F17" s="66"/>
      <c r="G17" s="67"/>
      <c r="H17" s="58"/>
      <c r="I17" s="59"/>
      <c r="J17" s="75"/>
      <c r="K17" s="144"/>
      <c r="L17" s="77"/>
      <c r="M17" s="77"/>
      <c r="N17" s="37"/>
      <c r="O17" s="37"/>
      <c r="P17" s="37"/>
    </row>
    <row r="18" spans="1:16" s="29" customFormat="1" ht="24.95" customHeight="1" x14ac:dyDescent="0.25">
      <c r="A18" s="68" t="s">
        <v>13</v>
      </c>
      <c r="B18" s="69"/>
      <c r="C18" s="70"/>
      <c r="D18" s="68"/>
      <c r="E18" s="68"/>
      <c r="F18" s="68"/>
      <c r="G18" s="68"/>
      <c r="H18" s="71"/>
      <c r="I18" s="72"/>
      <c r="J18" s="76"/>
      <c r="K18" s="145"/>
      <c r="L18" s="77"/>
      <c r="M18" s="77"/>
      <c r="N18" s="37"/>
      <c r="O18" s="37"/>
      <c r="P18" s="37"/>
    </row>
    <row r="19" spans="1:16" s="8" customFormat="1" ht="15.75" customHeight="1" x14ac:dyDescent="0.2">
      <c r="A19" s="6"/>
      <c r="B19" s="6"/>
      <c r="C19" s="6"/>
      <c r="D19" s="7"/>
      <c r="F19" s="9"/>
      <c r="G19" s="9"/>
      <c r="H19" s="9"/>
      <c r="I19" s="9"/>
      <c r="J19" s="17"/>
      <c r="K19" s="17"/>
      <c r="L19" s="17"/>
      <c r="M19" s="17"/>
    </row>
    <row r="20" spans="1:16" s="33" customFormat="1" ht="24.95" customHeight="1" x14ac:dyDescent="0.25">
      <c r="A20" s="135" t="s">
        <v>65</v>
      </c>
      <c r="B20" s="135"/>
      <c r="C20" s="135"/>
      <c r="D20" s="135"/>
      <c r="E20" s="135"/>
      <c r="F20" s="135"/>
      <c r="G20" s="135"/>
      <c r="H20" s="135"/>
      <c r="I20" s="135"/>
      <c r="J20" s="135"/>
      <c r="K20" s="135"/>
      <c r="L20" s="51"/>
      <c r="M20" s="51"/>
      <c r="N20" s="51"/>
      <c r="O20" s="51"/>
      <c r="P20" s="51"/>
    </row>
    <row r="21" spans="1:16" s="28" customFormat="1" ht="22.5" customHeight="1" x14ac:dyDescent="0.25">
      <c r="A21" s="136" t="s">
        <v>24</v>
      </c>
      <c r="B21" s="136" t="s">
        <v>39</v>
      </c>
      <c r="C21" s="136" t="s">
        <v>40</v>
      </c>
      <c r="D21" s="136" t="s">
        <v>30</v>
      </c>
      <c r="E21" s="136" t="s">
        <v>32</v>
      </c>
      <c r="F21" s="136" t="s">
        <v>41</v>
      </c>
      <c r="G21" s="136" t="s">
        <v>42</v>
      </c>
      <c r="H21" s="138" t="s">
        <v>45</v>
      </c>
      <c r="I21" s="139"/>
      <c r="J21" s="139"/>
      <c r="K21" s="140" t="s">
        <v>48</v>
      </c>
      <c r="L21" s="142"/>
      <c r="M21" s="142"/>
      <c r="N21" s="34"/>
      <c r="O21" s="34"/>
      <c r="P21" s="34"/>
    </row>
    <row r="22" spans="1:16" s="28" customFormat="1" ht="22.5" customHeight="1" x14ac:dyDescent="0.25">
      <c r="A22" s="137"/>
      <c r="B22" s="137"/>
      <c r="C22" s="137"/>
      <c r="D22" s="137"/>
      <c r="E22" s="137"/>
      <c r="F22" s="137"/>
      <c r="G22" s="137"/>
      <c r="H22" s="35" t="s">
        <v>26</v>
      </c>
      <c r="I22" s="36" t="s">
        <v>27</v>
      </c>
      <c r="J22" s="73" t="s">
        <v>28</v>
      </c>
      <c r="K22" s="141"/>
      <c r="L22" s="37"/>
      <c r="M22" s="37"/>
      <c r="N22" s="34"/>
      <c r="O22" s="34"/>
      <c r="P22" s="34"/>
    </row>
    <row r="23" spans="1:16" s="89" customFormat="1" ht="14.1" customHeight="1" x14ac:dyDescent="0.25">
      <c r="A23" s="82" t="s">
        <v>0</v>
      </c>
      <c r="B23" s="83" t="s">
        <v>12</v>
      </c>
      <c r="C23" s="83" t="s">
        <v>13</v>
      </c>
      <c r="D23" s="83" t="s">
        <v>14</v>
      </c>
      <c r="E23" s="90" t="s">
        <v>15</v>
      </c>
      <c r="F23" s="84" t="s">
        <v>16</v>
      </c>
      <c r="G23" s="79" t="s">
        <v>17</v>
      </c>
      <c r="H23" s="85" t="s">
        <v>18</v>
      </c>
      <c r="I23" s="86" t="s">
        <v>19</v>
      </c>
      <c r="J23" s="87" t="s">
        <v>35</v>
      </c>
      <c r="K23" s="88" t="s">
        <v>36</v>
      </c>
      <c r="L23" s="81"/>
      <c r="M23" s="81"/>
      <c r="N23" s="81"/>
      <c r="O23" s="81"/>
      <c r="P23" s="81"/>
    </row>
    <row r="24" spans="1:16" s="29" customFormat="1" ht="24.95" customHeight="1" x14ac:dyDescent="0.25">
      <c r="A24" s="67" t="s">
        <v>0</v>
      </c>
      <c r="B24" s="52"/>
      <c r="C24" s="53"/>
      <c r="D24" s="65"/>
      <c r="E24" s="65"/>
      <c r="F24" s="65"/>
      <c r="G24" s="65"/>
      <c r="H24" s="54"/>
      <c r="I24" s="55"/>
      <c r="J24" s="74"/>
      <c r="K24" s="143"/>
      <c r="L24" s="77"/>
      <c r="M24" s="77"/>
      <c r="N24" s="37"/>
      <c r="O24" s="37"/>
      <c r="P24" s="37"/>
    </row>
    <row r="25" spans="1:16" s="29" customFormat="1" ht="24.95" customHeight="1" x14ac:dyDescent="0.25">
      <c r="A25" s="66" t="s">
        <v>12</v>
      </c>
      <c r="B25" s="56"/>
      <c r="C25" s="57"/>
      <c r="D25" s="66"/>
      <c r="E25" s="66"/>
      <c r="F25" s="66"/>
      <c r="G25" s="67"/>
      <c r="H25" s="58"/>
      <c r="I25" s="59"/>
      <c r="J25" s="75"/>
      <c r="K25" s="144"/>
      <c r="L25" s="77"/>
      <c r="M25" s="77"/>
      <c r="N25" s="37"/>
      <c r="O25" s="37"/>
      <c r="P25" s="37"/>
    </row>
    <row r="26" spans="1:16" s="29" customFormat="1" ht="24.95" customHeight="1" x14ac:dyDescent="0.25">
      <c r="A26" s="68" t="s">
        <v>13</v>
      </c>
      <c r="B26" s="69"/>
      <c r="C26" s="70"/>
      <c r="D26" s="68"/>
      <c r="E26" s="68"/>
      <c r="F26" s="68"/>
      <c r="G26" s="68"/>
      <c r="H26" s="71"/>
      <c r="I26" s="72"/>
      <c r="J26" s="76"/>
      <c r="K26" s="145"/>
      <c r="L26" s="77"/>
      <c r="M26" s="77"/>
      <c r="N26" s="37"/>
      <c r="O26" s="37"/>
      <c r="P26" s="37"/>
    </row>
    <row r="27" spans="1:16" s="8" customFormat="1" ht="15.75" customHeight="1" x14ac:dyDescent="0.2">
      <c r="A27" s="6"/>
      <c r="B27" s="6"/>
      <c r="C27" s="6"/>
      <c r="D27" s="7"/>
      <c r="F27" s="9"/>
      <c r="G27" s="9"/>
      <c r="H27" s="9"/>
      <c r="I27" s="9"/>
      <c r="J27" s="17"/>
      <c r="K27" s="17"/>
      <c r="L27" s="17"/>
      <c r="M27" s="17"/>
    </row>
    <row r="28" spans="1:16" s="11" customFormat="1" ht="20.100000000000001" customHeight="1" x14ac:dyDescent="0.25">
      <c r="A28" s="11" t="s">
        <v>3</v>
      </c>
      <c r="C28" s="135"/>
      <c r="D28" s="135"/>
      <c r="E28" s="99" t="s">
        <v>2</v>
      </c>
      <c r="F28" s="117"/>
      <c r="G28" s="117"/>
      <c r="K28" s="17"/>
      <c r="L28" s="17"/>
    </row>
    <row r="29" spans="1:16" s="11" customFormat="1" ht="20.100000000000001" customHeight="1" x14ac:dyDescent="0.25">
      <c r="A29" s="11" t="s">
        <v>4</v>
      </c>
      <c r="C29" s="117"/>
      <c r="D29" s="117"/>
      <c r="E29" s="99" t="s">
        <v>1</v>
      </c>
      <c r="F29" s="118"/>
      <c r="G29" s="118"/>
      <c r="K29" s="14"/>
      <c r="L29" s="15"/>
    </row>
    <row r="30" spans="1:16" s="11" customFormat="1" ht="20.100000000000001" customHeight="1" x14ac:dyDescent="0.2">
      <c r="A30" s="11" t="s">
        <v>5</v>
      </c>
      <c r="C30" s="117"/>
      <c r="D30" s="117"/>
      <c r="E30" s="13"/>
      <c r="H30" s="18" t="s">
        <v>20</v>
      </c>
      <c r="I30" s="119"/>
      <c r="J30" s="119"/>
      <c r="L30" s="15"/>
    </row>
    <row r="31" spans="1:16" s="11" customFormat="1" ht="20.100000000000001" customHeight="1" x14ac:dyDescent="0.2">
      <c r="D31" s="12"/>
      <c r="H31" s="19"/>
      <c r="I31" s="20"/>
      <c r="J31" s="20"/>
      <c r="L31" s="15"/>
    </row>
    <row r="32" spans="1:16" s="11" customFormat="1" ht="20.100000000000001" customHeight="1" x14ac:dyDescent="0.25">
      <c r="A32" s="11" t="s">
        <v>6</v>
      </c>
      <c r="C32" s="135"/>
      <c r="D32" s="135"/>
      <c r="H32" s="21" t="s">
        <v>21</v>
      </c>
      <c r="I32" s="120"/>
      <c r="J32" s="120"/>
      <c r="L32" s="15"/>
    </row>
    <row r="33" spans="1:13" s="11" customFormat="1" ht="20.100000000000001" customHeight="1" x14ac:dyDescent="0.25">
      <c r="A33" s="11" t="s">
        <v>7</v>
      </c>
      <c r="C33" s="117"/>
      <c r="D33" s="117"/>
      <c r="E33" s="13"/>
      <c r="H33" s="21" t="s">
        <v>22</v>
      </c>
      <c r="I33" s="121"/>
      <c r="J33" s="121"/>
      <c r="L33" s="15"/>
    </row>
    <row r="34" spans="1:13" s="11" customFormat="1" ht="20.100000000000001" customHeight="1" x14ac:dyDescent="0.25">
      <c r="A34" s="11" t="s">
        <v>8</v>
      </c>
      <c r="C34" s="117"/>
      <c r="D34" s="117"/>
      <c r="E34" s="13"/>
      <c r="H34" s="22" t="s">
        <v>23</v>
      </c>
      <c r="I34" s="23"/>
      <c r="J34" s="23"/>
    </row>
    <row r="35" spans="1:13" s="11" customFormat="1" ht="20.100000000000001" customHeight="1" x14ac:dyDescent="0.25">
      <c r="A35" s="12"/>
      <c r="B35" s="12"/>
      <c r="C35" s="12"/>
      <c r="D35" s="13"/>
      <c r="E35" s="13"/>
    </row>
    <row r="36" spans="1:13" s="11" customFormat="1" ht="20.100000000000001" customHeight="1" x14ac:dyDescent="0.2">
      <c r="A36" s="146" t="s">
        <v>10</v>
      </c>
      <c r="B36" s="146"/>
      <c r="C36" s="12"/>
      <c r="D36" s="13"/>
      <c r="E36" s="13"/>
    </row>
    <row r="37" spans="1:13" s="8" customFormat="1" ht="20.100000000000001" customHeight="1" x14ac:dyDescent="0.2">
      <c r="A37" s="24"/>
      <c r="B37" s="25" t="s">
        <v>11</v>
      </c>
      <c r="D37" s="7"/>
      <c r="E37" s="7"/>
      <c r="F37" s="9"/>
      <c r="M37" s="6"/>
    </row>
  </sheetData>
  <mergeCells count="48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2:K12"/>
    <mergeCell ref="A13:A14"/>
    <mergeCell ref="B13:B14"/>
    <mergeCell ref="C13:C14"/>
    <mergeCell ref="D13:D14"/>
    <mergeCell ref="E13:E14"/>
    <mergeCell ref="F13:F14"/>
    <mergeCell ref="G13:G14"/>
    <mergeCell ref="H13:J13"/>
    <mergeCell ref="K13:K14"/>
    <mergeCell ref="I33:J33"/>
    <mergeCell ref="L13:M13"/>
    <mergeCell ref="K16:K18"/>
    <mergeCell ref="C28:D28"/>
    <mergeCell ref="F28:G28"/>
    <mergeCell ref="F21:F22"/>
    <mergeCell ref="G21:G22"/>
    <mergeCell ref="H21:J21"/>
    <mergeCell ref="K21:K22"/>
    <mergeCell ref="L21:M21"/>
    <mergeCell ref="C34:D34"/>
    <mergeCell ref="A36:B36"/>
    <mergeCell ref="A20:K20"/>
    <mergeCell ref="A21:A22"/>
    <mergeCell ref="B21:B22"/>
    <mergeCell ref="C21:C22"/>
    <mergeCell ref="D21:D22"/>
    <mergeCell ref="E21:E22"/>
    <mergeCell ref="C29:D29"/>
    <mergeCell ref="F29:G29"/>
    <mergeCell ref="C30:D30"/>
    <mergeCell ref="I30:J30"/>
    <mergeCell ref="C32:D32"/>
    <mergeCell ref="I32:J32"/>
    <mergeCell ref="K24:K26"/>
    <mergeCell ref="C33:D33"/>
  </mergeCells>
  <conditionalFormatting sqref="F28:G28">
    <cfRule type="containsBlanks" dxfId="59" priority="6">
      <formula>LEN(TRIM(F28))=0</formula>
    </cfRule>
  </conditionalFormatting>
  <conditionalFormatting sqref="I32:J32">
    <cfRule type="containsBlanks" dxfId="58" priority="4">
      <formula>LEN(TRIM(I32))=0</formula>
    </cfRule>
  </conditionalFormatting>
  <conditionalFormatting sqref="I33:J33">
    <cfRule type="containsBlanks" dxfId="57" priority="3">
      <formula>LEN(TRIM(I33))=0</formula>
    </cfRule>
  </conditionalFormatting>
  <conditionalFormatting sqref="C28:D30">
    <cfRule type="containsBlanks" dxfId="56" priority="2">
      <formula>LEN(TRIM(C28))=0</formula>
    </cfRule>
  </conditionalFormatting>
  <conditionalFormatting sqref="C32:D34">
    <cfRule type="containsBlanks" dxfId="55" priority="1">
      <formula>LEN(TRIM(C32))=0</formula>
    </cfRule>
  </conditionalFormatting>
  <conditionalFormatting sqref="F29:G29">
    <cfRule type="containsBlanks" dxfId="54" priority="5">
      <formula>LEN(TRIM(F29))=0</formula>
    </cfRule>
  </conditionalFormatting>
  <printOptions horizontalCentered="1"/>
  <pageMargins left="0.55118110236220474" right="0.55118110236220474" top="0.59055118110236227" bottom="0.59055118110236227" header="0.51181102362204722" footer="0.51181102362204722"/>
  <pageSetup paperSize="9" scale="66" fitToHeight="0" orientation="landscape" r:id="rId1"/>
  <headerFooter alignWithMargins="0"/>
  <colBreaks count="1" manualBreakCount="1">
    <brk id="13" max="28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8B9EB66-8F9B-4482-A9DA-7D0CDF495650}">
  <sheetPr>
    <tabColor theme="4" tint="0.79998168889431442"/>
    <pageSetUpPr fitToPage="1"/>
  </sheetPr>
  <dimension ref="A1:V29"/>
  <sheetViews>
    <sheetView showGridLines="0" zoomScale="90" zoomScaleNormal="90" workbookViewId="0">
      <selection sqref="A1:XFD1"/>
    </sheetView>
  </sheetViews>
  <sheetFormatPr defaultColWidth="9.140625" defaultRowHeight="12" x14ac:dyDescent="0.2"/>
  <cols>
    <col min="1" max="1" width="5" style="3" customWidth="1"/>
    <col min="2" max="2" width="29" style="3" customWidth="1"/>
    <col min="3" max="3" width="15.85546875" style="3" customWidth="1"/>
    <col min="4" max="4" width="16.42578125" style="4" customWidth="1"/>
    <col min="5" max="5" width="17" style="4" customWidth="1"/>
    <col min="6" max="6" width="15" style="2" customWidth="1"/>
    <col min="7" max="10" width="14.7109375" style="2" customWidth="1"/>
    <col min="11" max="11" width="14.7109375" style="5" customWidth="1"/>
    <col min="12" max="12" width="14.7109375" style="2" customWidth="1"/>
    <col min="13" max="13" width="15" style="2" customWidth="1"/>
    <col min="14" max="14" width="14.7109375" style="2" customWidth="1"/>
    <col min="15" max="16384" width="9.140625" style="2"/>
  </cols>
  <sheetData>
    <row r="1" spans="1:22" s="27" customFormat="1" ht="20.100000000000001" customHeight="1" x14ac:dyDescent="0.2">
      <c r="A1" s="122" t="s">
        <v>113</v>
      </c>
      <c r="B1" s="122"/>
      <c r="C1" s="122"/>
      <c r="D1" s="122"/>
      <c r="E1" s="122"/>
      <c r="F1" s="122"/>
      <c r="G1" s="122"/>
      <c r="H1" s="122"/>
      <c r="I1" s="122"/>
      <c r="J1" s="122"/>
      <c r="K1" s="122"/>
      <c r="L1" s="122"/>
      <c r="M1" s="122"/>
      <c r="N1" s="2"/>
      <c r="O1" s="2"/>
      <c r="P1" s="2"/>
      <c r="Q1" s="2"/>
      <c r="R1" s="2"/>
      <c r="S1" s="2"/>
      <c r="T1" s="2"/>
      <c r="U1" s="2"/>
      <c r="V1" s="26"/>
    </row>
    <row r="2" spans="1:22" ht="24.95" customHeight="1" x14ac:dyDescent="0.2">
      <c r="A2" s="16" t="s">
        <v>9</v>
      </c>
      <c r="B2" s="1"/>
      <c r="C2" s="10"/>
      <c r="D2" s="10"/>
      <c r="E2" s="10"/>
      <c r="F2" s="10"/>
      <c r="G2" s="10"/>
      <c r="H2" s="10"/>
      <c r="I2" s="10"/>
      <c r="J2" s="10"/>
      <c r="K2" s="10"/>
      <c r="L2" s="10"/>
    </row>
    <row r="3" spans="1:22" ht="24.95" customHeight="1" x14ac:dyDescent="0.2">
      <c r="A3" s="123" t="s">
        <v>105</v>
      </c>
      <c r="B3" s="123"/>
      <c r="C3" s="123"/>
      <c r="D3" s="123"/>
      <c r="E3" s="123"/>
      <c r="F3" s="123"/>
      <c r="G3" s="123"/>
      <c r="H3" s="123"/>
      <c r="I3" s="123"/>
      <c r="J3" s="123"/>
      <c r="K3" s="123"/>
      <c r="L3" s="123"/>
    </row>
    <row r="4" spans="1:22" ht="14.25" customHeight="1" x14ac:dyDescent="0.2">
      <c r="A4" s="103"/>
      <c r="B4" s="103"/>
      <c r="C4" s="103"/>
      <c r="D4" s="103"/>
      <c r="E4" s="103"/>
      <c r="F4" s="103"/>
      <c r="G4" s="103"/>
      <c r="H4" s="103"/>
      <c r="I4" s="103"/>
      <c r="J4" s="103"/>
      <c r="K4" s="103"/>
      <c r="L4" s="103"/>
    </row>
    <row r="5" spans="1:22" ht="24.95" customHeight="1" x14ac:dyDescent="0.2">
      <c r="A5" s="123" t="s">
        <v>67</v>
      </c>
      <c r="B5" s="123"/>
      <c r="C5" s="123"/>
      <c r="D5" s="123"/>
      <c r="E5" s="123"/>
      <c r="F5" s="123"/>
      <c r="G5" s="123"/>
      <c r="H5" s="123"/>
      <c r="I5" s="123"/>
      <c r="J5" s="123"/>
      <c r="K5" s="123"/>
      <c r="L5" s="123"/>
    </row>
    <row r="6" spans="1:22" s="30" customFormat="1" ht="33" customHeight="1" x14ac:dyDescent="0.25">
      <c r="A6" s="124" t="s">
        <v>24</v>
      </c>
      <c r="B6" s="126" t="s">
        <v>25</v>
      </c>
      <c r="C6" s="124" t="s">
        <v>43</v>
      </c>
      <c r="D6" s="128" t="s">
        <v>49</v>
      </c>
      <c r="E6" s="130" t="s">
        <v>29</v>
      </c>
      <c r="F6" s="130" t="s">
        <v>30</v>
      </c>
      <c r="G6" s="130" t="s">
        <v>31</v>
      </c>
      <c r="H6" s="105" t="s">
        <v>32</v>
      </c>
      <c r="I6" s="132" t="s">
        <v>33</v>
      </c>
      <c r="J6" s="133"/>
      <c r="K6" s="133"/>
      <c r="L6" s="132" t="s">
        <v>44</v>
      </c>
      <c r="M6" s="134"/>
      <c r="O6" s="34"/>
      <c r="P6" s="34"/>
    </row>
    <row r="7" spans="1:22" s="30" customFormat="1" ht="33" customHeight="1" x14ac:dyDescent="0.25">
      <c r="A7" s="125"/>
      <c r="B7" s="127"/>
      <c r="C7" s="125"/>
      <c r="D7" s="129"/>
      <c r="E7" s="131"/>
      <c r="F7" s="131"/>
      <c r="G7" s="131"/>
      <c r="H7" s="104"/>
      <c r="I7" s="60" t="s">
        <v>26</v>
      </c>
      <c r="J7" s="61" t="s">
        <v>34</v>
      </c>
      <c r="K7" s="62" t="s">
        <v>28</v>
      </c>
      <c r="L7" s="63" t="s">
        <v>26</v>
      </c>
      <c r="M7" s="64" t="s">
        <v>28</v>
      </c>
      <c r="O7" s="34"/>
      <c r="P7" s="34"/>
    </row>
    <row r="8" spans="1:22" s="80" customFormat="1" ht="14.1" customHeight="1" x14ac:dyDescent="0.25">
      <c r="A8" s="93" t="s">
        <v>0</v>
      </c>
      <c r="B8" s="93" t="s">
        <v>12</v>
      </c>
      <c r="C8" s="93" t="s">
        <v>13</v>
      </c>
      <c r="D8" s="93" t="s">
        <v>14</v>
      </c>
      <c r="E8" s="91" t="s">
        <v>15</v>
      </c>
      <c r="F8" s="79" t="s">
        <v>16</v>
      </c>
      <c r="G8" s="79" t="s">
        <v>17</v>
      </c>
      <c r="H8" s="79" t="s">
        <v>18</v>
      </c>
      <c r="I8" s="79" t="s">
        <v>19</v>
      </c>
      <c r="J8" s="79" t="s">
        <v>35</v>
      </c>
      <c r="K8" s="79" t="s">
        <v>36</v>
      </c>
      <c r="L8" s="79" t="s">
        <v>37</v>
      </c>
      <c r="M8" s="79" t="s">
        <v>38</v>
      </c>
      <c r="O8" s="81"/>
      <c r="P8" s="81"/>
    </row>
    <row r="9" spans="1:22" s="31" customFormat="1" ht="39.75" customHeight="1" thickBot="1" x14ac:dyDescent="0.3">
      <c r="A9" s="38" t="s">
        <v>0</v>
      </c>
      <c r="B9" s="39" t="s">
        <v>69</v>
      </c>
      <c r="C9" s="92" t="s">
        <v>46</v>
      </c>
      <c r="D9" s="98"/>
      <c r="E9" s="40"/>
      <c r="F9" s="40"/>
      <c r="G9" s="40"/>
      <c r="H9" s="41"/>
      <c r="I9" s="42"/>
      <c r="J9" s="43"/>
      <c r="K9" s="44"/>
      <c r="L9" s="45"/>
      <c r="M9" s="46"/>
      <c r="O9" s="37"/>
      <c r="P9" s="37"/>
    </row>
    <row r="10" spans="1:22" s="32" customFormat="1" ht="33" customHeight="1" thickBot="1" x14ac:dyDescent="0.3">
      <c r="A10" s="47"/>
      <c r="B10" s="48"/>
      <c r="C10" s="48"/>
      <c r="D10" s="48"/>
      <c r="E10" s="49"/>
      <c r="F10" s="49"/>
      <c r="G10" s="49"/>
      <c r="H10" s="49"/>
      <c r="I10" s="48"/>
      <c r="J10" s="48"/>
      <c r="K10" s="48"/>
      <c r="L10" s="78">
        <f>SUM(L9:L9)</f>
        <v>0</v>
      </c>
      <c r="M10" s="94">
        <f>SUM(M9:M9)</f>
        <v>0</v>
      </c>
      <c r="O10" s="50"/>
      <c r="P10" s="50"/>
    </row>
    <row r="11" spans="1:22" s="33" customFormat="1" ht="29.25" customHeight="1" x14ac:dyDescent="0.25">
      <c r="A11" s="135" t="s">
        <v>68</v>
      </c>
      <c r="B11" s="135"/>
      <c r="C11" s="135"/>
      <c r="D11" s="135"/>
      <c r="E11" s="135"/>
      <c r="F11" s="135"/>
      <c r="G11" s="135"/>
      <c r="H11" s="135"/>
      <c r="I11" s="135"/>
      <c r="J11" s="135"/>
      <c r="K11" s="135"/>
      <c r="L11" s="51"/>
      <c r="M11" s="51"/>
      <c r="N11" s="51"/>
      <c r="O11" s="51"/>
      <c r="P11" s="51"/>
    </row>
    <row r="12" spans="1:22" s="28" customFormat="1" ht="22.5" customHeight="1" x14ac:dyDescent="0.25">
      <c r="A12" s="136" t="s">
        <v>24</v>
      </c>
      <c r="B12" s="136" t="s">
        <v>39</v>
      </c>
      <c r="C12" s="136" t="s">
        <v>40</v>
      </c>
      <c r="D12" s="136" t="s">
        <v>30</v>
      </c>
      <c r="E12" s="136" t="s">
        <v>32</v>
      </c>
      <c r="F12" s="136" t="s">
        <v>41</v>
      </c>
      <c r="G12" s="136" t="s">
        <v>42</v>
      </c>
      <c r="H12" s="138" t="s">
        <v>45</v>
      </c>
      <c r="I12" s="139"/>
      <c r="J12" s="139"/>
      <c r="K12" s="140" t="s">
        <v>48</v>
      </c>
      <c r="L12" s="142"/>
      <c r="M12" s="142"/>
      <c r="N12" s="34"/>
      <c r="O12" s="34"/>
      <c r="P12" s="34"/>
    </row>
    <row r="13" spans="1:22" s="28" customFormat="1" ht="22.5" customHeight="1" x14ac:dyDescent="0.25">
      <c r="A13" s="137"/>
      <c r="B13" s="137"/>
      <c r="C13" s="137"/>
      <c r="D13" s="137"/>
      <c r="E13" s="137"/>
      <c r="F13" s="137"/>
      <c r="G13" s="137"/>
      <c r="H13" s="35" t="s">
        <v>26</v>
      </c>
      <c r="I13" s="36" t="s">
        <v>27</v>
      </c>
      <c r="J13" s="73" t="s">
        <v>28</v>
      </c>
      <c r="K13" s="141"/>
      <c r="L13" s="37"/>
      <c r="M13" s="37"/>
      <c r="N13" s="34"/>
      <c r="O13" s="34"/>
      <c r="P13" s="34"/>
    </row>
    <row r="14" spans="1:22" s="89" customFormat="1" ht="14.1" customHeight="1" x14ac:dyDescent="0.25">
      <c r="A14" s="82" t="s">
        <v>0</v>
      </c>
      <c r="B14" s="83" t="s">
        <v>12</v>
      </c>
      <c r="C14" s="83" t="s">
        <v>13</v>
      </c>
      <c r="D14" s="83" t="s">
        <v>14</v>
      </c>
      <c r="E14" s="90" t="s">
        <v>15</v>
      </c>
      <c r="F14" s="84" t="s">
        <v>16</v>
      </c>
      <c r="G14" s="79" t="s">
        <v>17</v>
      </c>
      <c r="H14" s="85" t="s">
        <v>18</v>
      </c>
      <c r="I14" s="86" t="s">
        <v>19</v>
      </c>
      <c r="J14" s="87" t="s">
        <v>35</v>
      </c>
      <c r="K14" s="88" t="s">
        <v>36</v>
      </c>
      <c r="L14" s="81"/>
      <c r="M14" s="81"/>
      <c r="N14" s="81"/>
      <c r="O14" s="81"/>
      <c r="P14" s="81"/>
    </row>
    <row r="15" spans="1:22" s="29" customFormat="1" ht="24.95" customHeight="1" x14ac:dyDescent="0.25">
      <c r="A15" s="67" t="s">
        <v>0</v>
      </c>
      <c r="B15" s="52"/>
      <c r="C15" s="53"/>
      <c r="D15" s="65"/>
      <c r="E15" s="65"/>
      <c r="F15" s="65"/>
      <c r="G15" s="65"/>
      <c r="H15" s="54"/>
      <c r="I15" s="55"/>
      <c r="J15" s="74"/>
      <c r="K15" s="143"/>
      <c r="L15" s="77"/>
      <c r="M15" s="77"/>
      <c r="N15" s="37"/>
      <c r="O15" s="37"/>
      <c r="P15" s="37"/>
    </row>
    <row r="16" spans="1:22" s="29" customFormat="1" ht="24.95" customHeight="1" x14ac:dyDescent="0.25">
      <c r="A16" s="66" t="s">
        <v>12</v>
      </c>
      <c r="B16" s="56"/>
      <c r="C16" s="57"/>
      <c r="D16" s="66"/>
      <c r="E16" s="66"/>
      <c r="F16" s="66"/>
      <c r="G16" s="67"/>
      <c r="H16" s="58"/>
      <c r="I16" s="59"/>
      <c r="J16" s="75"/>
      <c r="K16" s="144"/>
      <c r="L16" s="77"/>
      <c r="M16" s="77"/>
      <c r="N16" s="37"/>
      <c r="O16" s="37"/>
      <c r="P16" s="37"/>
    </row>
    <row r="17" spans="1:16" s="29" customFormat="1" ht="24.95" customHeight="1" x14ac:dyDescent="0.25">
      <c r="A17" s="68" t="s">
        <v>13</v>
      </c>
      <c r="B17" s="69"/>
      <c r="C17" s="70"/>
      <c r="D17" s="68"/>
      <c r="E17" s="68"/>
      <c r="F17" s="68"/>
      <c r="G17" s="68"/>
      <c r="H17" s="71"/>
      <c r="I17" s="72"/>
      <c r="J17" s="76"/>
      <c r="K17" s="145"/>
      <c r="L17" s="77"/>
      <c r="M17" s="77"/>
      <c r="N17" s="37"/>
      <c r="O17" s="37"/>
      <c r="P17" s="37"/>
    </row>
    <row r="18" spans="1:16" s="8" customFormat="1" ht="15.75" customHeight="1" x14ac:dyDescent="0.2">
      <c r="A18" s="6"/>
      <c r="B18" s="6"/>
      <c r="C18" s="6"/>
      <c r="D18" s="7"/>
      <c r="F18" s="9"/>
      <c r="G18" s="9"/>
      <c r="H18" s="9"/>
      <c r="I18" s="9"/>
      <c r="J18" s="17"/>
      <c r="K18" s="17"/>
      <c r="L18" s="17"/>
      <c r="M18" s="17"/>
    </row>
    <row r="19" spans="1:16" s="8" customFormat="1" ht="15.75" customHeight="1" x14ac:dyDescent="0.2">
      <c r="A19" s="6"/>
      <c r="B19" s="6"/>
      <c r="C19" s="6"/>
      <c r="D19" s="7"/>
      <c r="F19" s="9"/>
      <c r="G19" s="9"/>
      <c r="H19" s="9"/>
      <c r="I19" s="9"/>
      <c r="J19" s="17"/>
      <c r="K19" s="17"/>
      <c r="L19" s="17"/>
      <c r="M19" s="17"/>
    </row>
    <row r="20" spans="1:16" s="11" customFormat="1" ht="20.100000000000001" customHeight="1" x14ac:dyDescent="0.25">
      <c r="A20" s="11" t="s">
        <v>3</v>
      </c>
      <c r="C20" s="135"/>
      <c r="D20" s="135"/>
      <c r="E20" s="99" t="s">
        <v>2</v>
      </c>
      <c r="F20" s="117"/>
      <c r="G20" s="117"/>
      <c r="K20" s="17"/>
      <c r="L20" s="17"/>
    </row>
    <row r="21" spans="1:16" s="11" customFormat="1" ht="20.100000000000001" customHeight="1" x14ac:dyDescent="0.25">
      <c r="A21" s="11" t="s">
        <v>4</v>
      </c>
      <c r="C21" s="117"/>
      <c r="D21" s="117"/>
      <c r="E21" s="99" t="s">
        <v>1</v>
      </c>
      <c r="F21" s="118"/>
      <c r="G21" s="118"/>
      <c r="K21" s="14"/>
      <c r="L21" s="15"/>
    </row>
    <row r="22" spans="1:16" s="11" customFormat="1" ht="20.100000000000001" customHeight="1" x14ac:dyDescent="0.2">
      <c r="A22" s="11" t="s">
        <v>5</v>
      </c>
      <c r="C22" s="117"/>
      <c r="D22" s="117"/>
      <c r="E22" s="13"/>
      <c r="H22" s="18" t="s">
        <v>20</v>
      </c>
      <c r="I22" s="119"/>
      <c r="J22" s="119"/>
      <c r="L22" s="15"/>
    </row>
    <row r="23" spans="1:16" s="11" customFormat="1" ht="20.100000000000001" customHeight="1" x14ac:dyDescent="0.2">
      <c r="D23" s="12"/>
      <c r="H23" s="19"/>
      <c r="I23" s="20"/>
      <c r="J23" s="20"/>
      <c r="L23" s="15"/>
    </row>
    <row r="24" spans="1:16" s="11" customFormat="1" ht="20.100000000000001" customHeight="1" x14ac:dyDescent="0.25">
      <c r="A24" s="11" t="s">
        <v>6</v>
      </c>
      <c r="C24" s="135"/>
      <c r="D24" s="135"/>
      <c r="H24" s="21" t="s">
        <v>21</v>
      </c>
      <c r="I24" s="120"/>
      <c r="J24" s="120"/>
      <c r="L24" s="15"/>
    </row>
    <row r="25" spans="1:16" s="11" customFormat="1" ht="20.100000000000001" customHeight="1" x14ac:dyDescent="0.25">
      <c r="A25" s="11" t="s">
        <v>7</v>
      </c>
      <c r="C25" s="117"/>
      <c r="D25" s="117"/>
      <c r="E25" s="13"/>
      <c r="H25" s="21" t="s">
        <v>22</v>
      </c>
      <c r="I25" s="121"/>
      <c r="J25" s="121"/>
      <c r="L25" s="15"/>
    </row>
    <row r="26" spans="1:16" s="11" customFormat="1" ht="20.100000000000001" customHeight="1" x14ac:dyDescent="0.25">
      <c r="A26" s="11" t="s">
        <v>8</v>
      </c>
      <c r="C26" s="117"/>
      <c r="D26" s="117"/>
      <c r="E26" s="13"/>
      <c r="H26" s="22" t="s">
        <v>23</v>
      </c>
      <c r="I26" s="23"/>
      <c r="J26" s="23"/>
    </row>
    <row r="27" spans="1:16" s="11" customFormat="1" ht="20.100000000000001" customHeight="1" x14ac:dyDescent="0.25">
      <c r="A27" s="12"/>
      <c r="B27" s="12"/>
      <c r="C27" s="12"/>
      <c r="D27" s="13"/>
      <c r="E27" s="13"/>
    </row>
    <row r="28" spans="1:16" s="11" customFormat="1" ht="20.100000000000001" customHeight="1" x14ac:dyDescent="0.2">
      <c r="A28" s="146" t="s">
        <v>10</v>
      </c>
      <c r="B28" s="146"/>
      <c r="C28" s="12"/>
      <c r="D28" s="13"/>
      <c r="E28" s="13"/>
    </row>
    <row r="29" spans="1:16" s="8" customFormat="1" ht="20.100000000000001" customHeight="1" x14ac:dyDescent="0.2">
      <c r="A29" s="24"/>
      <c r="B29" s="25" t="s">
        <v>11</v>
      </c>
      <c r="D29" s="7"/>
      <c r="E29" s="7"/>
      <c r="F29" s="9"/>
      <c r="M29" s="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20:D20"/>
    <mergeCell ref="F20:G20"/>
    <mergeCell ref="C25:D25"/>
    <mergeCell ref="I25:J25"/>
    <mergeCell ref="I22:J22"/>
    <mergeCell ref="I24:J24"/>
    <mergeCell ref="C26:D26"/>
    <mergeCell ref="A28:B28"/>
    <mergeCell ref="C21:D21"/>
    <mergeCell ref="F21:G21"/>
    <mergeCell ref="C22:D22"/>
    <mergeCell ref="C24:D24"/>
  </mergeCells>
  <conditionalFormatting sqref="F20:G20">
    <cfRule type="containsBlanks" dxfId="53" priority="6">
      <formula>LEN(TRIM(F20))=0</formula>
    </cfRule>
  </conditionalFormatting>
  <conditionalFormatting sqref="I24:J24">
    <cfRule type="containsBlanks" dxfId="52" priority="4">
      <formula>LEN(TRIM(I24))=0</formula>
    </cfRule>
  </conditionalFormatting>
  <conditionalFormatting sqref="I25:J25">
    <cfRule type="containsBlanks" dxfId="51" priority="3">
      <formula>LEN(TRIM(I25))=0</formula>
    </cfRule>
  </conditionalFormatting>
  <conditionalFormatting sqref="C20:D22">
    <cfRule type="containsBlanks" dxfId="50" priority="2">
      <formula>LEN(TRIM(C20))=0</formula>
    </cfRule>
  </conditionalFormatting>
  <conditionalFormatting sqref="C24:D26">
    <cfRule type="containsBlanks" dxfId="49" priority="1">
      <formula>LEN(TRIM(C24))=0</formula>
    </cfRule>
  </conditionalFormatting>
  <conditionalFormatting sqref="F21:G21">
    <cfRule type="containsBlanks" dxfId="48" priority="5">
      <formula>LEN(TRIM(F21))=0</formula>
    </cfRule>
  </conditionalFormatting>
  <printOptions horizontalCentered="1"/>
  <pageMargins left="0.55118110236220474" right="0.55118110236220474" top="0.59055118110236227" bottom="0.59055118110236227" header="0.51181102362204722" footer="0.51181102362204722"/>
  <pageSetup paperSize="9" scale="66" fitToHeight="0" orientation="landscape" r:id="rId1"/>
  <headerFooter alignWithMargins="0"/>
  <colBreaks count="1" manualBreakCount="1">
    <brk id="13" max="28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08F695E-BD9C-4E62-92EA-0A318603BCAE}">
  <sheetPr>
    <tabColor theme="4" tint="0.79998168889431442"/>
    <pageSetUpPr fitToPage="1"/>
  </sheetPr>
  <dimension ref="A1:V29"/>
  <sheetViews>
    <sheetView showGridLines="0" zoomScale="90" zoomScaleNormal="90" workbookViewId="0">
      <selection sqref="A1:XFD1"/>
    </sheetView>
  </sheetViews>
  <sheetFormatPr defaultColWidth="9.140625" defaultRowHeight="12" x14ac:dyDescent="0.2"/>
  <cols>
    <col min="1" max="1" width="5" style="3" customWidth="1"/>
    <col min="2" max="2" width="29" style="3" customWidth="1"/>
    <col min="3" max="3" width="15.85546875" style="3" customWidth="1"/>
    <col min="4" max="4" width="16.42578125" style="4" customWidth="1"/>
    <col min="5" max="5" width="17" style="4" customWidth="1"/>
    <col min="6" max="6" width="15" style="2" customWidth="1"/>
    <col min="7" max="10" width="14.7109375" style="2" customWidth="1"/>
    <col min="11" max="11" width="14.7109375" style="5" customWidth="1"/>
    <col min="12" max="12" width="14.7109375" style="2" customWidth="1"/>
    <col min="13" max="13" width="15" style="2" customWidth="1"/>
    <col min="14" max="14" width="14.7109375" style="2" customWidth="1"/>
    <col min="15" max="16384" width="9.140625" style="2"/>
  </cols>
  <sheetData>
    <row r="1" spans="1:22" s="27" customFormat="1" ht="20.100000000000001" customHeight="1" x14ac:dyDescent="0.2">
      <c r="A1" s="122" t="s">
        <v>113</v>
      </c>
      <c r="B1" s="122"/>
      <c r="C1" s="122"/>
      <c r="D1" s="122"/>
      <c r="E1" s="122"/>
      <c r="F1" s="122"/>
      <c r="G1" s="122"/>
      <c r="H1" s="122"/>
      <c r="I1" s="122"/>
      <c r="J1" s="122"/>
      <c r="K1" s="122"/>
      <c r="L1" s="122"/>
      <c r="M1" s="122"/>
      <c r="N1" s="2"/>
      <c r="O1" s="2"/>
      <c r="P1" s="2"/>
      <c r="Q1" s="2"/>
      <c r="R1" s="2"/>
      <c r="S1" s="2"/>
      <c r="T1" s="2"/>
      <c r="U1" s="2"/>
      <c r="V1" s="26"/>
    </row>
    <row r="2" spans="1:22" ht="24.95" customHeight="1" x14ac:dyDescent="0.2">
      <c r="A2" s="16" t="s">
        <v>9</v>
      </c>
      <c r="B2" s="1"/>
      <c r="C2" s="10"/>
      <c r="D2" s="10"/>
      <c r="E2" s="10"/>
      <c r="F2" s="10"/>
      <c r="G2" s="10"/>
      <c r="H2" s="10"/>
      <c r="I2" s="10"/>
      <c r="J2" s="10"/>
      <c r="K2" s="10"/>
      <c r="L2" s="10"/>
    </row>
    <row r="3" spans="1:22" ht="24.95" customHeight="1" x14ac:dyDescent="0.2">
      <c r="A3" s="123" t="s">
        <v>105</v>
      </c>
      <c r="B3" s="123"/>
      <c r="C3" s="123"/>
      <c r="D3" s="123"/>
      <c r="E3" s="123"/>
      <c r="F3" s="123"/>
      <c r="G3" s="123"/>
      <c r="H3" s="123"/>
      <c r="I3" s="123"/>
      <c r="J3" s="123"/>
      <c r="K3" s="123"/>
      <c r="L3" s="123"/>
    </row>
    <row r="4" spans="1:22" ht="14.25" customHeight="1" x14ac:dyDescent="0.2">
      <c r="A4" s="103"/>
      <c r="B4" s="103"/>
      <c r="C4" s="103"/>
      <c r="D4" s="103"/>
      <c r="E4" s="103"/>
      <c r="F4" s="103"/>
      <c r="G4" s="103"/>
      <c r="H4" s="103"/>
      <c r="I4" s="103"/>
      <c r="J4" s="103"/>
      <c r="K4" s="103"/>
      <c r="L4" s="103"/>
    </row>
    <row r="5" spans="1:22" ht="24.95" customHeight="1" x14ac:dyDescent="0.2">
      <c r="A5" s="123" t="s">
        <v>108</v>
      </c>
      <c r="B5" s="123"/>
      <c r="C5" s="123"/>
      <c r="D5" s="123"/>
      <c r="E5" s="123"/>
      <c r="F5" s="123"/>
      <c r="G5" s="123"/>
      <c r="H5" s="123"/>
      <c r="I5" s="123"/>
      <c r="J5" s="123"/>
      <c r="K5" s="123"/>
      <c r="L5" s="123"/>
    </row>
    <row r="6" spans="1:22" s="30" customFormat="1" ht="33" customHeight="1" x14ac:dyDescent="0.25">
      <c r="A6" s="124" t="s">
        <v>24</v>
      </c>
      <c r="B6" s="126" t="s">
        <v>25</v>
      </c>
      <c r="C6" s="124" t="s">
        <v>43</v>
      </c>
      <c r="D6" s="128" t="s">
        <v>49</v>
      </c>
      <c r="E6" s="130" t="s">
        <v>29</v>
      </c>
      <c r="F6" s="130" t="s">
        <v>30</v>
      </c>
      <c r="G6" s="130" t="s">
        <v>31</v>
      </c>
      <c r="H6" s="105" t="s">
        <v>32</v>
      </c>
      <c r="I6" s="132" t="s">
        <v>33</v>
      </c>
      <c r="J6" s="133"/>
      <c r="K6" s="133"/>
      <c r="L6" s="132" t="s">
        <v>44</v>
      </c>
      <c r="M6" s="134"/>
      <c r="O6" s="34"/>
      <c r="P6" s="34"/>
    </row>
    <row r="7" spans="1:22" s="30" customFormat="1" ht="33" customHeight="1" x14ac:dyDescent="0.25">
      <c r="A7" s="125"/>
      <c r="B7" s="127"/>
      <c r="C7" s="125"/>
      <c r="D7" s="129"/>
      <c r="E7" s="131"/>
      <c r="F7" s="131"/>
      <c r="G7" s="131"/>
      <c r="H7" s="104"/>
      <c r="I7" s="60" t="s">
        <v>26</v>
      </c>
      <c r="J7" s="61" t="s">
        <v>34</v>
      </c>
      <c r="K7" s="62" t="s">
        <v>28</v>
      </c>
      <c r="L7" s="63" t="s">
        <v>26</v>
      </c>
      <c r="M7" s="64" t="s">
        <v>28</v>
      </c>
      <c r="O7" s="34"/>
      <c r="P7" s="34"/>
    </row>
    <row r="8" spans="1:22" s="80" customFormat="1" ht="14.1" customHeight="1" x14ac:dyDescent="0.25">
      <c r="A8" s="93" t="s">
        <v>0</v>
      </c>
      <c r="B8" s="93" t="s">
        <v>12</v>
      </c>
      <c r="C8" s="93" t="s">
        <v>13</v>
      </c>
      <c r="D8" s="93" t="s">
        <v>14</v>
      </c>
      <c r="E8" s="91" t="s">
        <v>15</v>
      </c>
      <c r="F8" s="79" t="s">
        <v>16</v>
      </c>
      <c r="G8" s="79" t="s">
        <v>17</v>
      </c>
      <c r="H8" s="79" t="s">
        <v>18</v>
      </c>
      <c r="I8" s="79" t="s">
        <v>19</v>
      </c>
      <c r="J8" s="79" t="s">
        <v>35</v>
      </c>
      <c r="K8" s="79" t="s">
        <v>36</v>
      </c>
      <c r="L8" s="79" t="s">
        <v>37</v>
      </c>
      <c r="M8" s="79" t="s">
        <v>38</v>
      </c>
      <c r="O8" s="81"/>
      <c r="P8" s="81"/>
    </row>
    <row r="9" spans="1:22" s="31" customFormat="1" ht="39.75" customHeight="1" thickBot="1" x14ac:dyDescent="0.3">
      <c r="A9" s="38" t="s">
        <v>0</v>
      </c>
      <c r="B9" s="39" t="s">
        <v>106</v>
      </c>
      <c r="C9" s="92" t="s">
        <v>46</v>
      </c>
      <c r="D9" s="98"/>
      <c r="E9" s="40"/>
      <c r="F9" s="40"/>
      <c r="G9" s="40"/>
      <c r="H9" s="41"/>
      <c r="I9" s="42"/>
      <c r="J9" s="43"/>
      <c r="K9" s="44"/>
      <c r="L9" s="45"/>
      <c r="M9" s="46"/>
      <c r="O9" s="37"/>
      <c r="P9" s="37"/>
    </row>
    <row r="10" spans="1:22" s="32" customFormat="1" ht="33" customHeight="1" thickBot="1" x14ac:dyDescent="0.3">
      <c r="A10" s="47"/>
      <c r="B10" s="48"/>
      <c r="C10" s="48"/>
      <c r="D10" s="48"/>
      <c r="E10" s="49"/>
      <c r="F10" s="49"/>
      <c r="G10" s="49"/>
      <c r="H10" s="49"/>
      <c r="I10" s="48"/>
      <c r="J10" s="48"/>
      <c r="K10" s="48"/>
      <c r="L10" s="78">
        <f>SUM(L9:L9)</f>
        <v>0</v>
      </c>
      <c r="M10" s="94">
        <f>SUM(M9:M9)</f>
        <v>0</v>
      </c>
      <c r="O10" s="50"/>
      <c r="P10" s="50"/>
    </row>
    <row r="11" spans="1:22" s="33" customFormat="1" ht="29.25" customHeight="1" x14ac:dyDescent="0.25">
      <c r="A11" s="135" t="s">
        <v>107</v>
      </c>
      <c r="B11" s="135"/>
      <c r="C11" s="135"/>
      <c r="D11" s="135"/>
      <c r="E11" s="135"/>
      <c r="F11" s="135"/>
      <c r="G11" s="135"/>
      <c r="H11" s="135"/>
      <c r="I11" s="135"/>
      <c r="J11" s="135"/>
      <c r="K11" s="135"/>
      <c r="L11" s="51"/>
      <c r="M11" s="51"/>
      <c r="N11" s="51"/>
      <c r="O11" s="51"/>
      <c r="P11" s="51"/>
    </row>
    <row r="12" spans="1:22" s="28" customFormat="1" ht="22.5" customHeight="1" x14ac:dyDescent="0.25">
      <c r="A12" s="136" t="s">
        <v>24</v>
      </c>
      <c r="B12" s="136" t="s">
        <v>39</v>
      </c>
      <c r="C12" s="136" t="s">
        <v>40</v>
      </c>
      <c r="D12" s="136" t="s">
        <v>30</v>
      </c>
      <c r="E12" s="136" t="s">
        <v>32</v>
      </c>
      <c r="F12" s="136" t="s">
        <v>41</v>
      </c>
      <c r="G12" s="136" t="s">
        <v>42</v>
      </c>
      <c r="H12" s="138" t="s">
        <v>45</v>
      </c>
      <c r="I12" s="139"/>
      <c r="J12" s="139"/>
      <c r="K12" s="140" t="s">
        <v>48</v>
      </c>
      <c r="L12" s="142"/>
      <c r="M12" s="142"/>
      <c r="N12" s="34"/>
      <c r="O12" s="34"/>
      <c r="P12" s="34"/>
    </row>
    <row r="13" spans="1:22" s="28" customFormat="1" ht="22.5" customHeight="1" x14ac:dyDescent="0.25">
      <c r="A13" s="137"/>
      <c r="B13" s="137"/>
      <c r="C13" s="137"/>
      <c r="D13" s="137"/>
      <c r="E13" s="137"/>
      <c r="F13" s="137"/>
      <c r="G13" s="137"/>
      <c r="H13" s="35" t="s">
        <v>26</v>
      </c>
      <c r="I13" s="36" t="s">
        <v>27</v>
      </c>
      <c r="J13" s="73" t="s">
        <v>28</v>
      </c>
      <c r="K13" s="141"/>
      <c r="L13" s="37"/>
      <c r="M13" s="37"/>
      <c r="N13" s="34"/>
      <c r="O13" s="34"/>
      <c r="P13" s="34"/>
    </row>
    <row r="14" spans="1:22" s="89" customFormat="1" ht="14.1" customHeight="1" x14ac:dyDescent="0.25">
      <c r="A14" s="82" t="s">
        <v>0</v>
      </c>
      <c r="B14" s="83" t="s">
        <v>12</v>
      </c>
      <c r="C14" s="83" t="s">
        <v>13</v>
      </c>
      <c r="D14" s="83" t="s">
        <v>14</v>
      </c>
      <c r="E14" s="90" t="s">
        <v>15</v>
      </c>
      <c r="F14" s="84" t="s">
        <v>16</v>
      </c>
      <c r="G14" s="79" t="s">
        <v>17</v>
      </c>
      <c r="H14" s="85" t="s">
        <v>18</v>
      </c>
      <c r="I14" s="86" t="s">
        <v>19</v>
      </c>
      <c r="J14" s="87" t="s">
        <v>35</v>
      </c>
      <c r="K14" s="88" t="s">
        <v>36</v>
      </c>
      <c r="L14" s="81"/>
      <c r="M14" s="81"/>
      <c r="N14" s="81"/>
      <c r="O14" s="81"/>
      <c r="P14" s="81"/>
    </row>
    <row r="15" spans="1:22" s="29" customFormat="1" ht="24.95" customHeight="1" x14ac:dyDescent="0.25">
      <c r="A15" s="67" t="s">
        <v>0</v>
      </c>
      <c r="B15" s="52"/>
      <c r="C15" s="53"/>
      <c r="D15" s="65"/>
      <c r="E15" s="65"/>
      <c r="F15" s="65"/>
      <c r="G15" s="65"/>
      <c r="H15" s="54"/>
      <c r="I15" s="55"/>
      <c r="J15" s="74"/>
      <c r="K15" s="143"/>
      <c r="L15" s="77"/>
      <c r="M15" s="77"/>
      <c r="N15" s="37"/>
      <c r="O15" s="37"/>
      <c r="P15" s="37"/>
    </row>
    <row r="16" spans="1:22" s="29" customFormat="1" ht="24.95" customHeight="1" x14ac:dyDescent="0.25">
      <c r="A16" s="66" t="s">
        <v>12</v>
      </c>
      <c r="B16" s="56"/>
      <c r="C16" s="57"/>
      <c r="D16" s="66"/>
      <c r="E16" s="66"/>
      <c r="F16" s="66"/>
      <c r="G16" s="67"/>
      <c r="H16" s="58"/>
      <c r="I16" s="59"/>
      <c r="J16" s="75"/>
      <c r="K16" s="144"/>
      <c r="L16" s="77"/>
      <c r="M16" s="77"/>
      <c r="N16" s="37"/>
      <c r="O16" s="37"/>
      <c r="P16" s="37"/>
    </row>
    <row r="17" spans="1:16" s="29" customFormat="1" ht="24.95" customHeight="1" x14ac:dyDescent="0.25">
      <c r="A17" s="68" t="s">
        <v>13</v>
      </c>
      <c r="B17" s="69"/>
      <c r="C17" s="70"/>
      <c r="D17" s="68"/>
      <c r="E17" s="68"/>
      <c r="F17" s="68"/>
      <c r="G17" s="68"/>
      <c r="H17" s="71"/>
      <c r="I17" s="72"/>
      <c r="J17" s="76"/>
      <c r="K17" s="145"/>
      <c r="L17" s="77"/>
      <c r="M17" s="77"/>
      <c r="N17" s="37"/>
      <c r="O17" s="37"/>
      <c r="P17" s="37"/>
    </row>
    <row r="18" spans="1:16" s="8" customFormat="1" ht="15.75" customHeight="1" x14ac:dyDescent="0.2">
      <c r="A18" s="6"/>
      <c r="B18" s="6"/>
      <c r="C18" s="6"/>
      <c r="D18" s="7"/>
      <c r="F18" s="9"/>
      <c r="G18" s="9"/>
      <c r="H18" s="9"/>
      <c r="I18" s="9"/>
      <c r="J18" s="17"/>
      <c r="K18" s="17"/>
      <c r="L18" s="17"/>
      <c r="M18" s="17"/>
    </row>
    <row r="19" spans="1:16" s="8" customFormat="1" ht="15.75" customHeight="1" x14ac:dyDescent="0.2">
      <c r="A19" s="6"/>
      <c r="B19" s="6"/>
      <c r="C19" s="6"/>
      <c r="D19" s="7"/>
      <c r="F19" s="9"/>
      <c r="G19" s="9"/>
      <c r="H19" s="9"/>
      <c r="I19" s="9"/>
      <c r="J19" s="17"/>
      <c r="K19" s="17"/>
      <c r="L19" s="17"/>
      <c r="M19" s="17"/>
    </row>
    <row r="20" spans="1:16" s="11" customFormat="1" ht="20.100000000000001" customHeight="1" x14ac:dyDescent="0.25">
      <c r="A20" s="11" t="s">
        <v>3</v>
      </c>
      <c r="C20" s="135"/>
      <c r="D20" s="135"/>
      <c r="E20" s="99" t="s">
        <v>2</v>
      </c>
      <c r="F20" s="117"/>
      <c r="G20" s="117"/>
      <c r="K20" s="17"/>
      <c r="L20" s="17"/>
    </row>
    <row r="21" spans="1:16" s="11" customFormat="1" ht="20.100000000000001" customHeight="1" x14ac:dyDescent="0.25">
      <c r="A21" s="11" t="s">
        <v>4</v>
      </c>
      <c r="C21" s="117"/>
      <c r="D21" s="117"/>
      <c r="E21" s="99" t="s">
        <v>1</v>
      </c>
      <c r="F21" s="118"/>
      <c r="G21" s="118"/>
      <c r="K21" s="14"/>
      <c r="L21" s="15"/>
    </row>
    <row r="22" spans="1:16" s="11" customFormat="1" ht="20.100000000000001" customHeight="1" x14ac:dyDescent="0.2">
      <c r="A22" s="11" t="s">
        <v>5</v>
      </c>
      <c r="C22" s="117"/>
      <c r="D22" s="117"/>
      <c r="E22" s="13"/>
      <c r="H22" s="18" t="s">
        <v>20</v>
      </c>
      <c r="I22" s="119"/>
      <c r="J22" s="119"/>
      <c r="L22" s="15"/>
    </row>
    <row r="23" spans="1:16" s="11" customFormat="1" ht="20.100000000000001" customHeight="1" x14ac:dyDescent="0.2">
      <c r="D23" s="12"/>
      <c r="H23" s="19"/>
      <c r="I23" s="20"/>
      <c r="J23" s="20"/>
      <c r="L23" s="15"/>
    </row>
    <row r="24" spans="1:16" s="11" customFormat="1" ht="20.100000000000001" customHeight="1" x14ac:dyDescent="0.25">
      <c r="A24" s="11" t="s">
        <v>6</v>
      </c>
      <c r="C24" s="135"/>
      <c r="D24" s="135"/>
      <c r="H24" s="21" t="s">
        <v>21</v>
      </c>
      <c r="I24" s="120"/>
      <c r="J24" s="120"/>
      <c r="L24" s="15"/>
    </row>
    <row r="25" spans="1:16" s="11" customFormat="1" ht="20.100000000000001" customHeight="1" x14ac:dyDescent="0.25">
      <c r="A25" s="11" t="s">
        <v>7</v>
      </c>
      <c r="C25" s="117"/>
      <c r="D25" s="117"/>
      <c r="E25" s="13"/>
      <c r="H25" s="21" t="s">
        <v>22</v>
      </c>
      <c r="I25" s="121"/>
      <c r="J25" s="121"/>
      <c r="L25" s="15"/>
    </row>
    <row r="26" spans="1:16" s="11" customFormat="1" ht="20.100000000000001" customHeight="1" x14ac:dyDescent="0.25">
      <c r="A26" s="11" t="s">
        <v>8</v>
      </c>
      <c r="C26" s="117"/>
      <c r="D26" s="117"/>
      <c r="E26" s="13"/>
      <c r="H26" s="22" t="s">
        <v>23</v>
      </c>
      <c r="I26" s="23"/>
      <c r="J26" s="23"/>
    </row>
    <row r="27" spans="1:16" s="11" customFormat="1" ht="20.100000000000001" customHeight="1" x14ac:dyDescent="0.25">
      <c r="A27" s="12"/>
      <c r="B27" s="12"/>
      <c r="C27" s="12"/>
      <c r="D27" s="13"/>
      <c r="E27" s="13"/>
    </row>
    <row r="28" spans="1:16" s="11" customFormat="1" ht="20.100000000000001" customHeight="1" x14ac:dyDescent="0.2">
      <c r="A28" s="146" t="s">
        <v>10</v>
      </c>
      <c r="B28" s="146"/>
      <c r="C28" s="12"/>
      <c r="D28" s="13"/>
      <c r="E28" s="13"/>
    </row>
    <row r="29" spans="1:16" s="8" customFormat="1" ht="20.100000000000001" customHeight="1" x14ac:dyDescent="0.2">
      <c r="A29" s="24"/>
      <c r="B29" s="25" t="s">
        <v>11</v>
      </c>
      <c r="D29" s="7"/>
      <c r="E29" s="7"/>
      <c r="F29" s="9"/>
      <c r="M29" s="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20:D20"/>
    <mergeCell ref="F20:G20"/>
    <mergeCell ref="C25:D25"/>
    <mergeCell ref="I25:J25"/>
    <mergeCell ref="I22:J22"/>
    <mergeCell ref="I24:J24"/>
    <mergeCell ref="C26:D26"/>
    <mergeCell ref="A28:B28"/>
    <mergeCell ref="C21:D21"/>
    <mergeCell ref="F21:G21"/>
    <mergeCell ref="C22:D22"/>
    <mergeCell ref="C24:D24"/>
  </mergeCells>
  <conditionalFormatting sqref="F20:G20">
    <cfRule type="containsBlanks" dxfId="47" priority="6">
      <formula>LEN(TRIM(F20))=0</formula>
    </cfRule>
  </conditionalFormatting>
  <conditionalFormatting sqref="I24:J24">
    <cfRule type="containsBlanks" dxfId="46" priority="4">
      <formula>LEN(TRIM(I24))=0</formula>
    </cfRule>
  </conditionalFormatting>
  <conditionalFormatting sqref="I25:J25">
    <cfRule type="containsBlanks" dxfId="45" priority="3">
      <formula>LEN(TRIM(I25))=0</formula>
    </cfRule>
  </conditionalFormatting>
  <conditionalFormatting sqref="C20:D22">
    <cfRule type="containsBlanks" dxfId="44" priority="2">
      <formula>LEN(TRIM(C20))=0</formula>
    </cfRule>
  </conditionalFormatting>
  <conditionalFormatting sqref="C24:D26">
    <cfRule type="containsBlanks" dxfId="43" priority="1">
      <formula>LEN(TRIM(C24))=0</formula>
    </cfRule>
  </conditionalFormatting>
  <conditionalFormatting sqref="F21:G21">
    <cfRule type="containsBlanks" dxfId="42" priority="5">
      <formula>LEN(TRIM(F21))=0</formula>
    </cfRule>
  </conditionalFormatting>
  <printOptions horizontalCentered="1"/>
  <pageMargins left="0.55118110236220474" right="0.55118110236220474" top="0.59055118110236227" bottom="0.59055118110236227" header="0.51181102362204722" footer="0.51181102362204722"/>
  <pageSetup paperSize="9" scale="66" fitToHeight="0" orientation="landscape" r:id="rId1"/>
  <headerFooter alignWithMargins="0"/>
  <colBreaks count="1" manualBreakCount="1">
    <brk id="13" max="28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CBBFF8B-30C5-4F3E-AB87-584210C4CA89}">
  <sheetPr>
    <tabColor theme="4" tint="0.79998168889431442"/>
    <pageSetUpPr fitToPage="1"/>
  </sheetPr>
  <dimension ref="A1:V29"/>
  <sheetViews>
    <sheetView showGridLines="0" zoomScale="90" zoomScaleNormal="90" workbookViewId="0">
      <selection sqref="A1:XFD1"/>
    </sheetView>
  </sheetViews>
  <sheetFormatPr defaultColWidth="9.140625" defaultRowHeight="12" x14ac:dyDescent="0.2"/>
  <cols>
    <col min="1" max="1" width="5" style="3" customWidth="1"/>
    <col min="2" max="2" width="29" style="3" customWidth="1"/>
    <col min="3" max="3" width="15.85546875" style="3" customWidth="1"/>
    <col min="4" max="4" width="16.42578125" style="4" customWidth="1"/>
    <col min="5" max="5" width="17" style="4" customWidth="1"/>
    <col min="6" max="6" width="15" style="2" customWidth="1"/>
    <col min="7" max="10" width="14.7109375" style="2" customWidth="1"/>
    <col min="11" max="11" width="14.7109375" style="5" customWidth="1"/>
    <col min="12" max="12" width="14.7109375" style="2" customWidth="1"/>
    <col min="13" max="13" width="15" style="2" customWidth="1"/>
    <col min="14" max="14" width="14.7109375" style="2" customWidth="1"/>
    <col min="15" max="16384" width="9.140625" style="2"/>
  </cols>
  <sheetData>
    <row r="1" spans="1:22" s="27" customFormat="1" ht="20.100000000000001" customHeight="1" x14ac:dyDescent="0.2">
      <c r="A1" s="122" t="s">
        <v>113</v>
      </c>
      <c r="B1" s="122"/>
      <c r="C1" s="122"/>
      <c r="D1" s="122"/>
      <c r="E1" s="122"/>
      <c r="F1" s="122"/>
      <c r="G1" s="122"/>
      <c r="H1" s="122"/>
      <c r="I1" s="122"/>
      <c r="J1" s="122"/>
      <c r="K1" s="122"/>
      <c r="L1" s="122"/>
      <c r="M1" s="122"/>
      <c r="N1" s="2"/>
      <c r="O1" s="2"/>
      <c r="P1" s="2"/>
      <c r="Q1" s="2"/>
      <c r="R1" s="2"/>
      <c r="S1" s="2"/>
      <c r="T1" s="2"/>
      <c r="U1" s="2"/>
      <c r="V1" s="26"/>
    </row>
    <row r="2" spans="1:22" ht="24.95" customHeight="1" x14ac:dyDescent="0.2">
      <c r="A2" s="16" t="s">
        <v>9</v>
      </c>
      <c r="B2" s="1"/>
      <c r="C2" s="10"/>
      <c r="D2" s="10"/>
      <c r="E2" s="10"/>
      <c r="F2" s="10"/>
      <c r="G2" s="10"/>
      <c r="H2" s="10"/>
      <c r="I2" s="10"/>
      <c r="J2" s="10"/>
      <c r="K2" s="10"/>
      <c r="L2" s="10"/>
    </row>
    <row r="3" spans="1:22" ht="24.95" customHeight="1" x14ac:dyDescent="0.2">
      <c r="A3" s="123" t="s">
        <v>105</v>
      </c>
      <c r="B3" s="123"/>
      <c r="C3" s="123"/>
      <c r="D3" s="123"/>
      <c r="E3" s="123"/>
      <c r="F3" s="123"/>
      <c r="G3" s="123"/>
      <c r="H3" s="123"/>
      <c r="I3" s="123"/>
      <c r="J3" s="123"/>
      <c r="K3" s="123"/>
      <c r="L3" s="123"/>
    </row>
    <row r="4" spans="1:22" ht="14.25" customHeight="1" x14ac:dyDescent="0.2">
      <c r="A4" s="103"/>
      <c r="B4" s="103"/>
      <c r="C4" s="103"/>
      <c r="D4" s="103"/>
      <c r="E4" s="103"/>
      <c r="F4" s="103"/>
      <c r="G4" s="103"/>
      <c r="H4" s="103"/>
      <c r="I4" s="103"/>
      <c r="J4" s="103"/>
      <c r="K4" s="103"/>
      <c r="L4" s="103"/>
    </row>
    <row r="5" spans="1:22" ht="24.95" customHeight="1" x14ac:dyDescent="0.2">
      <c r="A5" s="123" t="s">
        <v>70</v>
      </c>
      <c r="B5" s="123"/>
      <c r="C5" s="123"/>
      <c r="D5" s="123"/>
      <c r="E5" s="123"/>
      <c r="F5" s="123"/>
      <c r="G5" s="123"/>
      <c r="H5" s="123"/>
      <c r="I5" s="123"/>
      <c r="J5" s="123"/>
      <c r="K5" s="123"/>
      <c r="L5" s="123"/>
    </row>
    <row r="6" spans="1:22" s="30" customFormat="1" ht="33" customHeight="1" x14ac:dyDescent="0.25">
      <c r="A6" s="124" t="s">
        <v>24</v>
      </c>
      <c r="B6" s="126" t="s">
        <v>25</v>
      </c>
      <c r="C6" s="124" t="s">
        <v>43</v>
      </c>
      <c r="D6" s="128" t="s">
        <v>49</v>
      </c>
      <c r="E6" s="130" t="s">
        <v>29</v>
      </c>
      <c r="F6" s="130" t="s">
        <v>30</v>
      </c>
      <c r="G6" s="130" t="s">
        <v>31</v>
      </c>
      <c r="H6" s="105" t="s">
        <v>32</v>
      </c>
      <c r="I6" s="132" t="s">
        <v>33</v>
      </c>
      <c r="J6" s="133"/>
      <c r="K6" s="133"/>
      <c r="L6" s="132" t="s">
        <v>44</v>
      </c>
      <c r="M6" s="134"/>
      <c r="O6" s="34"/>
      <c r="P6" s="34"/>
    </row>
    <row r="7" spans="1:22" s="30" customFormat="1" ht="33" customHeight="1" x14ac:dyDescent="0.25">
      <c r="A7" s="125"/>
      <c r="B7" s="127"/>
      <c r="C7" s="125"/>
      <c r="D7" s="129"/>
      <c r="E7" s="131"/>
      <c r="F7" s="131"/>
      <c r="G7" s="131"/>
      <c r="H7" s="104"/>
      <c r="I7" s="60" t="s">
        <v>26</v>
      </c>
      <c r="J7" s="61" t="s">
        <v>34</v>
      </c>
      <c r="K7" s="62" t="s">
        <v>28</v>
      </c>
      <c r="L7" s="63" t="s">
        <v>26</v>
      </c>
      <c r="M7" s="64" t="s">
        <v>28</v>
      </c>
      <c r="O7" s="34"/>
      <c r="P7" s="34"/>
    </row>
    <row r="8" spans="1:22" s="80" customFormat="1" ht="14.1" customHeight="1" x14ac:dyDescent="0.25">
      <c r="A8" s="93" t="s">
        <v>0</v>
      </c>
      <c r="B8" s="93" t="s">
        <v>12</v>
      </c>
      <c r="C8" s="93" t="s">
        <v>13</v>
      </c>
      <c r="D8" s="93" t="s">
        <v>14</v>
      </c>
      <c r="E8" s="91" t="s">
        <v>15</v>
      </c>
      <c r="F8" s="79" t="s">
        <v>16</v>
      </c>
      <c r="G8" s="79" t="s">
        <v>17</v>
      </c>
      <c r="H8" s="79" t="s">
        <v>18</v>
      </c>
      <c r="I8" s="79" t="s">
        <v>19</v>
      </c>
      <c r="J8" s="79" t="s">
        <v>35</v>
      </c>
      <c r="K8" s="79" t="s">
        <v>36</v>
      </c>
      <c r="L8" s="79" t="s">
        <v>37</v>
      </c>
      <c r="M8" s="79" t="s">
        <v>38</v>
      </c>
      <c r="O8" s="81"/>
      <c r="P8" s="81"/>
    </row>
    <row r="9" spans="1:22" s="31" customFormat="1" ht="39.75" customHeight="1" thickBot="1" x14ac:dyDescent="0.3">
      <c r="A9" s="38" t="s">
        <v>0</v>
      </c>
      <c r="B9" s="39" t="s">
        <v>71</v>
      </c>
      <c r="C9" s="92" t="s">
        <v>46</v>
      </c>
      <c r="D9" s="98"/>
      <c r="E9" s="40"/>
      <c r="F9" s="40"/>
      <c r="G9" s="40"/>
      <c r="H9" s="41"/>
      <c r="I9" s="42"/>
      <c r="J9" s="43"/>
      <c r="K9" s="44"/>
      <c r="L9" s="45"/>
      <c r="M9" s="46"/>
      <c r="O9" s="37"/>
      <c r="P9" s="37"/>
    </row>
    <row r="10" spans="1:22" s="32" customFormat="1" ht="33" customHeight="1" thickBot="1" x14ac:dyDescent="0.3">
      <c r="A10" s="47"/>
      <c r="B10" s="48"/>
      <c r="C10" s="48"/>
      <c r="D10" s="48"/>
      <c r="E10" s="49"/>
      <c r="F10" s="49"/>
      <c r="G10" s="49"/>
      <c r="H10" s="49"/>
      <c r="I10" s="48"/>
      <c r="J10" s="48"/>
      <c r="K10" s="48"/>
      <c r="L10" s="78">
        <f>SUM(L9:L9)</f>
        <v>0</v>
      </c>
      <c r="M10" s="94">
        <f>SUM(M9:M9)</f>
        <v>0</v>
      </c>
      <c r="O10" s="50"/>
      <c r="P10" s="50"/>
    </row>
    <row r="11" spans="1:22" s="33" customFormat="1" ht="29.25" customHeight="1" x14ac:dyDescent="0.25">
      <c r="A11" s="135" t="s">
        <v>72</v>
      </c>
      <c r="B11" s="135"/>
      <c r="C11" s="135"/>
      <c r="D11" s="135"/>
      <c r="E11" s="135"/>
      <c r="F11" s="135"/>
      <c r="G11" s="135"/>
      <c r="H11" s="135"/>
      <c r="I11" s="135"/>
      <c r="J11" s="135"/>
      <c r="K11" s="135"/>
      <c r="L11" s="51"/>
      <c r="M11" s="51"/>
      <c r="N11" s="51"/>
      <c r="O11" s="51"/>
      <c r="P11" s="51"/>
    </row>
    <row r="12" spans="1:22" s="28" customFormat="1" ht="22.5" customHeight="1" x14ac:dyDescent="0.25">
      <c r="A12" s="136" t="s">
        <v>24</v>
      </c>
      <c r="B12" s="136" t="s">
        <v>39</v>
      </c>
      <c r="C12" s="136" t="s">
        <v>40</v>
      </c>
      <c r="D12" s="136" t="s">
        <v>30</v>
      </c>
      <c r="E12" s="136" t="s">
        <v>32</v>
      </c>
      <c r="F12" s="136" t="s">
        <v>41</v>
      </c>
      <c r="G12" s="136" t="s">
        <v>42</v>
      </c>
      <c r="H12" s="138" t="s">
        <v>45</v>
      </c>
      <c r="I12" s="139"/>
      <c r="J12" s="139"/>
      <c r="K12" s="140" t="s">
        <v>48</v>
      </c>
      <c r="L12" s="142"/>
      <c r="M12" s="142"/>
      <c r="N12" s="34"/>
      <c r="O12" s="34"/>
      <c r="P12" s="34"/>
    </row>
    <row r="13" spans="1:22" s="28" customFormat="1" ht="22.5" customHeight="1" x14ac:dyDescent="0.25">
      <c r="A13" s="137"/>
      <c r="B13" s="137"/>
      <c r="C13" s="137"/>
      <c r="D13" s="137"/>
      <c r="E13" s="137"/>
      <c r="F13" s="137"/>
      <c r="G13" s="137"/>
      <c r="H13" s="35" t="s">
        <v>26</v>
      </c>
      <c r="I13" s="36" t="s">
        <v>27</v>
      </c>
      <c r="J13" s="73" t="s">
        <v>28</v>
      </c>
      <c r="K13" s="141"/>
      <c r="L13" s="37"/>
      <c r="M13" s="37"/>
      <c r="N13" s="34"/>
      <c r="O13" s="34"/>
      <c r="P13" s="34"/>
    </row>
    <row r="14" spans="1:22" s="89" customFormat="1" ht="14.1" customHeight="1" x14ac:dyDescent="0.25">
      <c r="A14" s="82" t="s">
        <v>0</v>
      </c>
      <c r="B14" s="83" t="s">
        <v>12</v>
      </c>
      <c r="C14" s="83" t="s">
        <v>13</v>
      </c>
      <c r="D14" s="83" t="s">
        <v>14</v>
      </c>
      <c r="E14" s="90" t="s">
        <v>15</v>
      </c>
      <c r="F14" s="84" t="s">
        <v>16</v>
      </c>
      <c r="G14" s="79" t="s">
        <v>17</v>
      </c>
      <c r="H14" s="85" t="s">
        <v>18</v>
      </c>
      <c r="I14" s="86" t="s">
        <v>19</v>
      </c>
      <c r="J14" s="87" t="s">
        <v>35</v>
      </c>
      <c r="K14" s="88" t="s">
        <v>36</v>
      </c>
      <c r="L14" s="81"/>
      <c r="M14" s="81"/>
      <c r="N14" s="81"/>
      <c r="O14" s="81"/>
      <c r="P14" s="81"/>
    </row>
    <row r="15" spans="1:22" s="29" customFormat="1" ht="24.95" customHeight="1" x14ac:dyDescent="0.25">
      <c r="A15" s="67" t="s">
        <v>0</v>
      </c>
      <c r="B15" s="52"/>
      <c r="C15" s="53"/>
      <c r="D15" s="65"/>
      <c r="E15" s="65"/>
      <c r="F15" s="65"/>
      <c r="G15" s="65"/>
      <c r="H15" s="54"/>
      <c r="I15" s="55"/>
      <c r="J15" s="74"/>
      <c r="K15" s="143"/>
      <c r="L15" s="77"/>
      <c r="M15" s="77"/>
      <c r="N15" s="37"/>
      <c r="O15" s="37"/>
      <c r="P15" s="37"/>
    </row>
    <row r="16" spans="1:22" s="29" customFormat="1" ht="24.95" customHeight="1" x14ac:dyDescent="0.25">
      <c r="A16" s="66" t="s">
        <v>12</v>
      </c>
      <c r="B16" s="56"/>
      <c r="C16" s="57"/>
      <c r="D16" s="66"/>
      <c r="E16" s="66"/>
      <c r="F16" s="66"/>
      <c r="G16" s="67"/>
      <c r="H16" s="58"/>
      <c r="I16" s="59"/>
      <c r="J16" s="75"/>
      <c r="K16" s="144"/>
      <c r="L16" s="77"/>
      <c r="M16" s="77"/>
      <c r="N16" s="37"/>
      <c r="O16" s="37"/>
      <c r="P16" s="37"/>
    </row>
    <row r="17" spans="1:16" s="29" customFormat="1" ht="24.95" customHeight="1" x14ac:dyDescent="0.25">
      <c r="A17" s="68" t="s">
        <v>13</v>
      </c>
      <c r="B17" s="69"/>
      <c r="C17" s="70"/>
      <c r="D17" s="68"/>
      <c r="E17" s="68"/>
      <c r="F17" s="68"/>
      <c r="G17" s="68"/>
      <c r="H17" s="71"/>
      <c r="I17" s="72"/>
      <c r="J17" s="76"/>
      <c r="K17" s="145"/>
      <c r="L17" s="77"/>
      <c r="M17" s="77"/>
      <c r="N17" s="37"/>
      <c r="O17" s="37"/>
      <c r="P17" s="37"/>
    </row>
    <row r="18" spans="1:16" s="8" customFormat="1" ht="15.75" customHeight="1" x14ac:dyDescent="0.2">
      <c r="A18" s="6"/>
      <c r="B18" s="6"/>
      <c r="C18" s="6"/>
      <c r="D18" s="7"/>
      <c r="F18" s="9"/>
      <c r="G18" s="9"/>
      <c r="H18" s="9"/>
      <c r="I18" s="9"/>
      <c r="J18" s="17"/>
      <c r="K18" s="17"/>
      <c r="L18" s="17"/>
      <c r="M18" s="17"/>
    </row>
    <row r="19" spans="1:16" s="8" customFormat="1" ht="15.75" customHeight="1" x14ac:dyDescent="0.2">
      <c r="A19" s="6"/>
      <c r="B19" s="6"/>
      <c r="C19" s="6"/>
      <c r="D19" s="7"/>
      <c r="F19" s="9"/>
      <c r="G19" s="9"/>
      <c r="H19" s="9"/>
      <c r="I19" s="9"/>
      <c r="J19" s="17"/>
      <c r="K19" s="17"/>
      <c r="L19" s="17"/>
      <c r="M19" s="17"/>
    </row>
    <row r="20" spans="1:16" s="11" customFormat="1" ht="20.100000000000001" customHeight="1" x14ac:dyDescent="0.25">
      <c r="A20" s="11" t="s">
        <v>3</v>
      </c>
      <c r="C20" s="135"/>
      <c r="D20" s="135"/>
      <c r="E20" s="99" t="s">
        <v>2</v>
      </c>
      <c r="F20" s="117"/>
      <c r="G20" s="117"/>
      <c r="K20" s="17"/>
      <c r="L20" s="17"/>
    </row>
    <row r="21" spans="1:16" s="11" customFormat="1" ht="20.100000000000001" customHeight="1" x14ac:dyDescent="0.25">
      <c r="A21" s="11" t="s">
        <v>4</v>
      </c>
      <c r="C21" s="117"/>
      <c r="D21" s="117"/>
      <c r="E21" s="99" t="s">
        <v>1</v>
      </c>
      <c r="F21" s="118"/>
      <c r="G21" s="118"/>
      <c r="K21" s="14"/>
      <c r="L21" s="15"/>
    </row>
    <row r="22" spans="1:16" s="11" customFormat="1" ht="20.100000000000001" customHeight="1" x14ac:dyDescent="0.2">
      <c r="A22" s="11" t="s">
        <v>5</v>
      </c>
      <c r="C22" s="117"/>
      <c r="D22" s="117"/>
      <c r="E22" s="13"/>
      <c r="H22" s="18" t="s">
        <v>20</v>
      </c>
      <c r="I22" s="119"/>
      <c r="J22" s="119"/>
      <c r="L22" s="15"/>
    </row>
    <row r="23" spans="1:16" s="11" customFormat="1" ht="20.100000000000001" customHeight="1" x14ac:dyDescent="0.2">
      <c r="D23" s="12"/>
      <c r="H23" s="19"/>
      <c r="I23" s="20"/>
      <c r="J23" s="20"/>
      <c r="L23" s="15"/>
    </row>
    <row r="24" spans="1:16" s="11" customFormat="1" ht="20.100000000000001" customHeight="1" x14ac:dyDescent="0.25">
      <c r="A24" s="11" t="s">
        <v>6</v>
      </c>
      <c r="C24" s="135"/>
      <c r="D24" s="135"/>
      <c r="H24" s="21" t="s">
        <v>21</v>
      </c>
      <c r="I24" s="120"/>
      <c r="J24" s="120"/>
      <c r="L24" s="15"/>
    </row>
    <row r="25" spans="1:16" s="11" customFormat="1" ht="20.100000000000001" customHeight="1" x14ac:dyDescent="0.25">
      <c r="A25" s="11" t="s">
        <v>7</v>
      </c>
      <c r="C25" s="117"/>
      <c r="D25" s="117"/>
      <c r="E25" s="13"/>
      <c r="H25" s="21" t="s">
        <v>22</v>
      </c>
      <c r="I25" s="121"/>
      <c r="J25" s="121"/>
      <c r="L25" s="15"/>
    </row>
    <row r="26" spans="1:16" s="11" customFormat="1" ht="20.100000000000001" customHeight="1" x14ac:dyDescent="0.25">
      <c r="A26" s="11" t="s">
        <v>8</v>
      </c>
      <c r="C26" s="117"/>
      <c r="D26" s="117"/>
      <c r="E26" s="13"/>
      <c r="H26" s="22" t="s">
        <v>23</v>
      </c>
      <c r="I26" s="23"/>
      <c r="J26" s="23"/>
    </row>
    <row r="27" spans="1:16" s="11" customFormat="1" ht="20.100000000000001" customHeight="1" x14ac:dyDescent="0.25">
      <c r="A27" s="12"/>
      <c r="B27" s="12"/>
      <c r="C27" s="12"/>
      <c r="D27" s="13"/>
      <c r="E27" s="13"/>
    </row>
    <row r="28" spans="1:16" s="11" customFormat="1" ht="20.100000000000001" customHeight="1" x14ac:dyDescent="0.2">
      <c r="A28" s="146" t="s">
        <v>10</v>
      </c>
      <c r="B28" s="146"/>
      <c r="C28" s="12"/>
      <c r="D28" s="13"/>
      <c r="E28" s="13"/>
    </row>
    <row r="29" spans="1:16" s="8" customFormat="1" ht="20.100000000000001" customHeight="1" x14ac:dyDescent="0.2">
      <c r="A29" s="24"/>
      <c r="B29" s="25" t="s">
        <v>11</v>
      </c>
      <c r="D29" s="7"/>
      <c r="E29" s="7"/>
      <c r="F29" s="9"/>
      <c r="M29" s="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20:D20"/>
    <mergeCell ref="F20:G20"/>
    <mergeCell ref="C25:D25"/>
    <mergeCell ref="I25:J25"/>
    <mergeCell ref="I22:J22"/>
    <mergeCell ref="I24:J24"/>
    <mergeCell ref="C26:D26"/>
    <mergeCell ref="A28:B28"/>
    <mergeCell ref="C21:D21"/>
    <mergeCell ref="F21:G21"/>
    <mergeCell ref="C22:D22"/>
    <mergeCell ref="C24:D24"/>
  </mergeCells>
  <conditionalFormatting sqref="F20:G20">
    <cfRule type="containsBlanks" dxfId="41" priority="6">
      <formula>LEN(TRIM(F20))=0</formula>
    </cfRule>
  </conditionalFormatting>
  <conditionalFormatting sqref="I24:J24">
    <cfRule type="containsBlanks" dxfId="40" priority="4">
      <formula>LEN(TRIM(I24))=0</formula>
    </cfRule>
  </conditionalFormatting>
  <conditionalFormatting sqref="I25:J25">
    <cfRule type="containsBlanks" dxfId="39" priority="3">
      <formula>LEN(TRIM(I25))=0</formula>
    </cfRule>
  </conditionalFormatting>
  <conditionalFormatting sqref="C20:D22">
    <cfRule type="containsBlanks" dxfId="38" priority="2">
      <formula>LEN(TRIM(C20))=0</formula>
    </cfRule>
  </conditionalFormatting>
  <conditionalFormatting sqref="C24:D26">
    <cfRule type="containsBlanks" dxfId="37" priority="1">
      <formula>LEN(TRIM(C24))=0</formula>
    </cfRule>
  </conditionalFormatting>
  <conditionalFormatting sqref="F21:G21">
    <cfRule type="containsBlanks" dxfId="36" priority="5">
      <formula>LEN(TRIM(F21))=0</formula>
    </cfRule>
  </conditionalFormatting>
  <printOptions horizontalCentered="1"/>
  <pageMargins left="0.55118110236220474" right="0.55118110236220474" top="0.59055118110236227" bottom="0.59055118110236227" header="0.51181102362204722" footer="0.51181102362204722"/>
  <pageSetup paperSize="9" scale="66" fitToHeight="0" orientation="landscape" r:id="rId1"/>
  <headerFooter alignWithMargins="0"/>
  <colBreaks count="1" manualBreakCount="1">
    <brk id="13" max="28" man="1"/>
  </col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80B5F34-8F9C-4044-8CA0-B9F4F5B45EAC}">
  <sheetPr>
    <tabColor theme="4" tint="0.79998168889431442"/>
    <pageSetUpPr fitToPage="1"/>
  </sheetPr>
  <dimension ref="A1:V38"/>
  <sheetViews>
    <sheetView showGridLines="0" zoomScale="90" zoomScaleNormal="90" workbookViewId="0">
      <selection activeCell="A11" sqref="A11:XFD11"/>
    </sheetView>
  </sheetViews>
  <sheetFormatPr defaultColWidth="9.140625" defaultRowHeight="12" x14ac:dyDescent="0.2"/>
  <cols>
    <col min="1" max="1" width="5" style="3" customWidth="1"/>
    <col min="2" max="2" width="29" style="3" customWidth="1"/>
    <col min="3" max="3" width="15.85546875" style="3" customWidth="1"/>
    <col min="4" max="4" width="16.42578125" style="4" customWidth="1"/>
    <col min="5" max="5" width="17" style="4" customWidth="1"/>
    <col min="6" max="6" width="15" style="2" customWidth="1"/>
    <col min="7" max="10" width="14.7109375" style="2" customWidth="1"/>
    <col min="11" max="11" width="14.7109375" style="5" customWidth="1"/>
    <col min="12" max="12" width="14.7109375" style="2" customWidth="1"/>
    <col min="13" max="13" width="15" style="2" customWidth="1"/>
    <col min="14" max="14" width="14.7109375" style="2" customWidth="1"/>
    <col min="15" max="16384" width="9.140625" style="2"/>
  </cols>
  <sheetData>
    <row r="1" spans="1:22" s="27" customFormat="1" ht="20.100000000000001" customHeight="1" x14ac:dyDescent="0.2">
      <c r="A1" s="122" t="s">
        <v>113</v>
      </c>
      <c r="B1" s="122"/>
      <c r="C1" s="122"/>
      <c r="D1" s="122"/>
      <c r="E1" s="122"/>
      <c r="F1" s="122"/>
      <c r="G1" s="122"/>
      <c r="H1" s="122"/>
      <c r="I1" s="122"/>
      <c r="J1" s="122"/>
      <c r="K1" s="122"/>
      <c r="L1" s="122"/>
      <c r="M1" s="122"/>
      <c r="N1" s="2"/>
      <c r="O1" s="2"/>
      <c r="P1" s="2"/>
      <c r="Q1" s="2"/>
      <c r="R1" s="2"/>
      <c r="S1" s="2"/>
      <c r="T1" s="2"/>
      <c r="U1" s="2"/>
      <c r="V1" s="26"/>
    </row>
    <row r="2" spans="1:22" ht="24.95" customHeight="1" x14ac:dyDescent="0.2">
      <c r="A2" s="16" t="s">
        <v>9</v>
      </c>
      <c r="B2" s="1"/>
      <c r="C2" s="10"/>
      <c r="D2" s="10"/>
      <c r="E2" s="10"/>
      <c r="F2" s="10"/>
      <c r="G2" s="10"/>
      <c r="H2" s="10"/>
      <c r="I2" s="10"/>
      <c r="J2" s="10"/>
      <c r="K2" s="10"/>
      <c r="L2" s="10"/>
    </row>
    <row r="3" spans="1:22" ht="24.95" customHeight="1" x14ac:dyDescent="0.2">
      <c r="A3" s="123" t="s">
        <v>105</v>
      </c>
      <c r="B3" s="123"/>
      <c r="C3" s="123"/>
      <c r="D3" s="123"/>
      <c r="E3" s="123"/>
      <c r="F3" s="123"/>
      <c r="G3" s="123"/>
      <c r="H3" s="123"/>
      <c r="I3" s="123"/>
      <c r="J3" s="123"/>
      <c r="K3" s="123"/>
      <c r="L3" s="123"/>
    </row>
    <row r="4" spans="1:22" ht="9.9499999999999993" customHeight="1" x14ac:dyDescent="0.2">
      <c r="A4" s="103"/>
      <c r="B4" s="103"/>
      <c r="C4" s="103"/>
      <c r="D4" s="103"/>
      <c r="E4" s="103"/>
      <c r="F4" s="103"/>
      <c r="G4" s="103"/>
      <c r="H4" s="103"/>
      <c r="I4" s="103"/>
      <c r="J4" s="103"/>
      <c r="K4" s="103"/>
      <c r="L4" s="103"/>
    </row>
    <row r="5" spans="1:22" ht="24.95" customHeight="1" x14ac:dyDescent="0.2">
      <c r="A5" s="123" t="s">
        <v>73</v>
      </c>
      <c r="B5" s="123"/>
      <c r="C5" s="123"/>
      <c r="D5" s="123"/>
      <c r="E5" s="123"/>
      <c r="F5" s="123"/>
      <c r="G5" s="123"/>
      <c r="H5" s="123"/>
      <c r="I5" s="123"/>
      <c r="J5" s="123"/>
      <c r="K5" s="123"/>
      <c r="L5" s="123"/>
    </row>
    <row r="6" spans="1:22" s="30" customFormat="1" ht="33" customHeight="1" x14ac:dyDescent="0.25">
      <c r="A6" s="124" t="s">
        <v>24</v>
      </c>
      <c r="B6" s="126" t="s">
        <v>25</v>
      </c>
      <c r="C6" s="124" t="s">
        <v>43</v>
      </c>
      <c r="D6" s="128" t="s">
        <v>49</v>
      </c>
      <c r="E6" s="130" t="s">
        <v>29</v>
      </c>
      <c r="F6" s="130" t="s">
        <v>30</v>
      </c>
      <c r="G6" s="130" t="s">
        <v>31</v>
      </c>
      <c r="H6" s="105" t="s">
        <v>32</v>
      </c>
      <c r="I6" s="132" t="s">
        <v>33</v>
      </c>
      <c r="J6" s="133"/>
      <c r="K6" s="133"/>
      <c r="L6" s="132" t="s">
        <v>44</v>
      </c>
      <c r="M6" s="134"/>
      <c r="O6" s="34"/>
      <c r="P6" s="34"/>
    </row>
    <row r="7" spans="1:22" s="30" customFormat="1" ht="33" customHeight="1" x14ac:dyDescent="0.25">
      <c r="A7" s="125"/>
      <c r="B7" s="127"/>
      <c r="C7" s="125"/>
      <c r="D7" s="129"/>
      <c r="E7" s="131"/>
      <c r="F7" s="131"/>
      <c r="G7" s="131"/>
      <c r="H7" s="104"/>
      <c r="I7" s="60" t="s">
        <v>26</v>
      </c>
      <c r="J7" s="61" t="s">
        <v>34</v>
      </c>
      <c r="K7" s="62" t="s">
        <v>28</v>
      </c>
      <c r="L7" s="63" t="s">
        <v>26</v>
      </c>
      <c r="M7" s="64" t="s">
        <v>28</v>
      </c>
      <c r="O7" s="34"/>
      <c r="P7" s="34"/>
    </row>
    <row r="8" spans="1:22" s="80" customFormat="1" ht="14.1" customHeight="1" x14ac:dyDescent="0.25">
      <c r="A8" s="93" t="s">
        <v>0</v>
      </c>
      <c r="B8" s="93" t="s">
        <v>12</v>
      </c>
      <c r="C8" s="93" t="s">
        <v>13</v>
      </c>
      <c r="D8" s="93" t="s">
        <v>14</v>
      </c>
      <c r="E8" s="91" t="s">
        <v>15</v>
      </c>
      <c r="F8" s="79" t="s">
        <v>16</v>
      </c>
      <c r="G8" s="79" t="s">
        <v>17</v>
      </c>
      <c r="H8" s="79" t="s">
        <v>18</v>
      </c>
      <c r="I8" s="79" t="s">
        <v>19</v>
      </c>
      <c r="J8" s="79" t="s">
        <v>35</v>
      </c>
      <c r="K8" s="79" t="s">
        <v>36</v>
      </c>
      <c r="L8" s="79" t="s">
        <v>37</v>
      </c>
      <c r="M8" s="79" t="s">
        <v>38</v>
      </c>
      <c r="O8" s="81"/>
      <c r="P8" s="81"/>
    </row>
    <row r="9" spans="1:22" s="31" customFormat="1" ht="30" customHeight="1" x14ac:dyDescent="0.25">
      <c r="A9" s="38" t="s">
        <v>0</v>
      </c>
      <c r="B9" s="39" t="s">
        <v>75</v>
      </c>
      <c r="C9" s="92" t="s">
        <v>46</v>
      </c>
      <c r="D9" s="98"/>
      <c r="E9" s="40"/>
      <c r="F9" s="40"/>
      <c r="G9" s="40"/>
      <c r="H9" s="41"/>
      <c r="I9" s="42"/>
      <c r="J9" s="43"/>
      <c r="K9" s="44"/>
      <c r="L9" s="45"/>
      <c r="M9" s="46"/>
      <c r="O9" s="37"/>
      <c r="P9" s="37"/>
    </row>
    <row r="10" spans="1:22" s="31" customFormat="1" ht="30" customHeight="1" thickBot="1" x14ac:dyDescent="0.3">
      <c r="A10" s="38" t="s">
        <v>12</v>
      </c>
      <c r="B10" s="39" t="s">
        <v>76</v>
      </c>
      <c r="C10" s="92" t="s">
        <v>46</v>
      </c>
      <c r="D10" s="98"/>
      <c r="E10" s="40"/>
      <c r="F10" s="40"/>
      <c r="G10" s="40"/>
      <c r="H10" s="41"/>
      <c r="I10" s="42"/>
      <c r="J10" s="43"/>
      <c r="K10" s="44"/>
      <c r="L10" s="45"/>
      <c r="M10" s="46"/>
      <c r="O10" s="37"/>
      <c r="P10" s="37"/>
    </row>
    <row r="11" spans="1:22" s="32" customFormat="1" ht="30" customHeight="1" thickBot="1" x14ac:dyDescent="0.3">
      <c r="A11" s="47"/>
      <c r="B11" s="48"/>
      <c r="C11" s="48"/>
      <c r="D11" s="48"/>
      <c r="E11" s="49"/>
      <c r="F11" s="49"/>
      <c r="G11" s="49"/>
      <c r="H11" s="49"/>
      <c r="I11" s="48"/>
      <c r="J11" s="48"/>
      <c r="K11" s="48"/>
      <c r="L11" s="78">
        <f>SUM(L9:L10)</f>
        <v>0</v>
      </c>
      <c r="M11" s="94">
        <f>SUM(M9:M10)</f>
        <v>0</v>
      </c>
      <c r="O11" s="50"/>
      <c r="P11" s="50"/>
    </row>
    <row r="12" spans="1:22" s="33" customFormat="1" ht="29.25" customHeight="1" x14ac:dyDescent="0.25">
      <c r="A12" s="135" t="s">
        <v>77</v>
      </c>
      <c r="B12" s="135"/>
      <c r="C12" s="135"/>
      <c r="D12" s="135"/>
      <c r="E12" s="135"/>
      <c r="F12" s="135"/>
      <c r="G12" s="135"/>
      <c r="H12" s="135"/>
      <c r="I12" s="135"/>
      <c r="J12" s="135"/>
      <c r="K12" s="135"/>
      <c r="L12" s="51"/>
      <c r="M12" s="51"/>
      <c r="N12" s="51"/>
      <c r="O12" s="51"/>
      <c r="P12" s="51"/>
    </row>
    <row r="13" spans="1:22" s="28" customFormat="1" ht="22.5" customHeight="1" x14ac:dyDescent="0.25">
      <c r="A13" s="136" t="s">
        <v>24</v>
      </c>
      <c r="B13" s="136" t="s">
        <v>39</v>
      </c>
      <c r="C13" s="136" t="s">
        <v>40</v>
      </c>
      <c r="D13" s="136" t="s">
        <v>30</v>
      </c>
      <c r="E13" s="136" t="s">
        <v>32</v>
      </c>
      <c r="F13" s="136" t="s">
        <v>41</v>
      </c>
      <c r="G13" s="136" t="s">
        <v>42</v>
      </c>
      <c r="H13" s="138" t="s">
        <v>45</v>
      </c>
      <c r="I13" s="139"/>
      <c r="J13" s="139"/>
      <c r="K13" s="140" t="s">
        <v>48</v>
      </c>
      <c r="L13" s="142"/>
      <c r="M13" s="142"/>
      <c r="N13" s="34"/>
      <c r="O13" s="34"/>
      <c r="P13" s="34"/>
    </row>
    <row r="14" spans="1:22" s="28" customFormat="1" ht="22.5" customHeight="1" x14ac:dyDescent="0.25">
      <c r="A14" s="137"/>
      <c r="B14" s="137"/>
      <c r="C14" s="137"/>
      <c r="D14" s="137"/>
      <c r="E14" s="137"/>
      <c r="F14" s="137"/>
      <c r="G14" s="137"/>
      <c r="H14" s="35" t="s">
        <v>26</v>
      </c>
      <c r="I14" s="36" t="s">
        <v>27</v>
      </c>
      <c r="J14" s="73" t="s">
        <v>28</v>
      </c>
      <c r="K14" s="141"/>
      <c r="L14" s="37"/>
      <c r="M14" s="37"/>
      <c r="N14" s="34"/>
      <c r="O14" s="34"/>
      <c r="P14" s="34"/>
    </row>
    <row r="15" spans="1:22" s="89" customFormat="1" ht="14.1" customHeight="1" x14ac:dyDescent="0.25">
      <c r="A15" s="82" t="s">
        <v>0</v>
      </c>
      <c r="B15" s="83" t="s">
        <v>12</v>
      </c>
      <c r="C15" s="83" t="s">
        <v>13</v>
      </c>
      <c r="D15" s="83" t="s">
        <v>14</v>
      </c>
      <c r="E15" s="90" t="s">
        <v>15</v>
      </c>
      <c r="F15" s="84" t="s">
        <v>16</v>
      </c>
      <c r="G15" s="79" t="s">
        <v>17</v>
      </c>
      <c r="H15" s="85" t="s">
        <v>18</v>
      </c>
      <c r="I15" s="86" t="s">
        <v>19</v>
      </c>
      <c r="J15" s="87" t="s">
        <v>35</v>
      </c>
      <c r="K15" s="88" t="s">
        <v>36</v>
      </c>
      <c r="L15" s="81"/>
      <c r="M15" s="81"/>
      <c r="N15" s="81"/>
      <c r="O15" s="81"/>
      <c r="P15" s="81"/>
    </row>
    <row r="16" spans="1:22" s="29" customFormat="1" ht="24" customHeight="1" x14ac:dyDescent="0.25">
      <c r="A16" s="67" t="s">
        <v>0</v>
      </c>
      <c r="B16" s="52"/>
      <c r="C16" s="53"/>
      <c r="D16" s="65"/>
      <c r="E16" s="65"/>
      <c r="F16" s="65"/>
      <c r="G16" s="65"/>
      <c r="H16" s="54"/>
      <c r="I16" s="55"/>
      <c r="J16" s="74"/>
      <c r="K16" s="143"/>
      <c r="L16" s="77"/>
      <c r="M16" s="77"/>
      <c r="N16" s="37"/>
      <c r="O16" s="37"/>
      <c r="P16" s="37"/>
    </row>
    <row r="17" spans="1:16" s="29" customFormat="1" ht="24" customHeight="1" x14ac:dyDescent="0.25">
      <c r="A17" s="66" t="s">
        <v>12</v>
      </c>
      <c r="B17" s="56"/>
      <c r="C17" s="57"/>
      <c r="D17" s="66"/>
      <c r="E17" s="66"/>
      <c r="F17" s="66"/>
      <c r="G17" s="67"/>
      <c r="H17" s="58"/>
      <c r="I17" s="59"/>
      <c r="J17" s="75"/>
      <c r="K17" s="144"/>
      <c r="L17" s="77"/>
      <c r="M17" s="77"/>
      <c r="N17" s="37"/>
      <c r="O17" s="37"/>
      <c r="P17" s="37"/>
    </row>
    <row r="18" spans="1:16" s="29" customFormat="1" ht="24" customHeight="1" x14ac:dyDescent="0.25">
      <c r="A18" s="68" t="s">
        <v>13</v>
      </c>
      <c r="B18" s="69"/>
      <c r="C18" s="70"/>
      <c r="D18" s="68"/>
      <c r="E18" s="68"/>
      <c r="F18" s="68"/>
      <c r="G18" s="68"/>
      <c r="H18" s="71"/>
      <c r="I18" s="72"/>
      <c r="J18" s="76"/>
      <c r="K18" s="145"/>
      <c r="L18" s="77"/>
      <c r="M18" s="77"/>
      <c r="N18" s="37"/>
      <c r="O18" s="37"/>
      <c r="P18" s="37"/>
    </row>
    <row r="19" spans="1:16" s="29" customFormat="1" ht="15.75" customHeight="1" x14ac:dyDescent="0.25">
      <c r="A19" s="109"/>
      <c r="B19" s="110"/>
      <c r="C19" s="110"/>
      <c r="D19" s="109"/>
      <c r="E19" s="109"/>
      <c r="F19" s="109"/>
      <c r="G19" s="109"/>
      <c r="H19" s="111"/>
      <c r="I19" s="112"/>
      <c r="J19" s="111"/>
      <c r="K19" s="113"/>
      <c r="L19" s="77"/>
      <c r="M19" s="77"/>
      <c r="N19" s="37"/>
      <c r="O19" s="37"/>
      <c r="P19" s="37"/>
    </row>
    <row r="20" spans="1:16" s="33" customFormat="1" ht="29.25" customHeight="1" x14ac:dyDescent="0.25">
      <c r="A20" s="135" t="s">
        <v>78</v>
      </c>
      <c r="B20" s="135"/>
      <c r="C20" s="135"/>
      <c r="D20" s="135"/>
      <c r="E20" s="135"/>
      <c r="F20" s="135"/>
      <c r="G20" s="135"/>
      <c r="H20" s="135"/>
      <c r="I20" s="135"/>
      <c r="J20" s="135"/>
      <c r="K20" s="135"/>
      <c r="L20" s="51"/>
      <c r="M20" s="51"/>
      <c r="N20" s="51"/>
      <c r="O20" s="51"/>
      <c r="P20" s="51"/>
    </row>
    <row r="21" spans="1:16" s="28" customFormat="1" ht="22.5" customHeight="1" x14ac:dyDescent="0.25">
      <c r="A21" s="136" t="s">
        <v>24</v>
      </c>
      <c r="B21" s="136" t="s">
        <v>39</v>
      </c>
      <c r="C21" s="136" t="s">
        <v>40</v>
      </c>
      <c r="D21" s="136" t="s">
        <v>30</v>
      </c>
      <c r="E21" s="136" t="s">
        <v>32</v>
      </c>
      <c r="F21" s="136" t="s">
        <v>41</v>
      </c>
      <c r="G21" s="136" t="s">
        <v>42</v>
      </c>
      <c r="H21" s="138" t="s">
        <v>45</v>
      </c>
      <c r="I21" s="139"/>
      <c r="J21" s="139"/>
      <c r="K21" s="140" t="s">
        <v>48</v>
      </c>
      <c r="L21" s="142"/>
      <c r="M21" s="142"/>
      <c r="N21" s="34"/>
      <c r="O21" s="34"/>
      <c r="P21" s="34"/>
    </row>
    <row r="22" spans="1:16" s="28" customFormat="1" ht="22.5" customHeight="1" x14ac:dyDescent="0.25">
      <c r="A22" s="137"/>
      <c r="B22" s="137"/>
      <c r="C22" s="137"/>
      <c r="D22" s="137"/>
      <c r="E22" s="137"/>
      <c r="F22" s="137"/>
      <c r="G22" s="137"/>
      <c r="H22" s="35" t="s">
        <v>26</v>
      </c>
      <c r="I22" s="36" t="s">
        <v>27</v>
      </c>
      <c r="J22" s="73" t="s">
        <v>28</v>
      </c>
      <c r="K22" s="141"/>
      <c r="L22" s="37"/>
      <c r="M22" s="37"/>
      <c r="N22" s="34"/>
      <c r="O22" s="34"/>
      <c r="P22" s="34"/>
    </row>
    <row r="23" spans="1:16" s="89" customFormat="1" ht="14.1" customHeight="1" x14ac:dyDescent="0.25">
      <c r="A23" s="82" t="s">
        <v>0</v>
      </c>
      <c r="B23" s="83" t="s">
        <v>12</v>
      </c>
      <c r="C23" s="83" t="s">
        <v>13</v>
      </c>
      <c r="D23" s="83" t="s">
        <v>14</v>
      </c>
      <c r="E23" s="90" t="s">
        <v>15</v>
      </c>
      <c r="F23" s="84" t="s">
        <v>16</v>
      </c>
      <c r="G23" s="79" t="s">
        <v>17</v>
      </c>
      <c r="H23" s="85" t="s">
        <v>18</v>
      </c>
      <c r="I23" s="86" t="s">
        <v>19</v>
      </c>
      <c r="J23" s="87" t="s">
        <v>35</v>
      </c>
      <c r="K23" s="88" t="s">
        <v>36</v>
      </c>
      <c r="L23" s="81"/>
      <c r="M23" s="81"/>
      <c r="N23" s="81"/>
      <c r="O23" s="81"/>
      <c r="P23" s="81"/>
    </row>
    <row r="24" spans="1:16" s="29" customFormat="1" ht="24" customHeight="1" x14ac:dyDescent="0.25">
      <c r="A24" s="67" t="s">
        <v>0</v>
      </c>
      <c r="B24" s="52"/>
      <c r="C24" s="53"/>
      <c r="D24" s="65"/>
      <c r="E24" s="65"/>
      <c r="F24" s="65"/>
      <c r="G24" s="65"/>
      <c r="H24" s="54"/>
      <c r="I24" s="55"/>
      <c r="J24" s="74"/>
      <c r="K24" s="143"/>
      <c r="L24" s="77"/>
      <c r="M24" s="77"/>
      <c r="N24" s="37"/>
      <c r="O24" s="37"/>
      <c r="P24" s="37"/>
    </row>
    <row r="25" spans="1:16" s="29" customFormat="1" ht="24" customHeight="1" x14ac:dyDescent="0.25">
      <c r="A25" s="66" t="s">
        <v>12</v>
      </c>
      <c r="B25" s="56"/>
      <c r="C25" s="57"/>
      <c r="D25" s="66"/>
      <c r="E25" s="66"/>
      <c r="F25" s="66"/>
      <c r="G25" s="67"/>
      <c r="H25" s="58"/>
      <c r="I25" s="59"/>
      <c r="J25" s="75"/>
      <c r="K25" s="144"/>
      <c r="L25" s="77"/>
      <c r="M25" s="77"/>
      <c r="N25" s="37"/>
      <c r="O25" s="37"/>
      <c r="P25" s="37"/>
    </row>
    <row r="26" spans="1:16" s="29" customFormat="1" ht="24" customHeight="1" x14ac:dyDescent="0.25">
      <c r="A26" s="68" t="s">
        <v>13</v>
      </c>
      <c r="B26" s="69"/>
      <c r="C26" s="70"/>
      <c r="D26" s="68"/>
      <c r="E26" s="68"/>
      <c r="F26" s="68"/>
      <c r="G26" s="68"/>
      <c r="H26" s="71"/>
      <c r="I26" s="72"/>
      <c r="J26" s="76"/>
      <c r="K26" s="145"/>
      <c r="L26" s="77"/>
      <c r="M26" s="77"/>
      <c r="N26" s="37"/>
      <c r="O26" s="37"/>
      <c r="P26" s="37"/>
    </row>
    <row r="27" spans="1:16" s="8" customFormat="1" ht="15.75" customHeight="1" x14ac:dyDescent="0.2">
      <c r="A27" s="6"/>
      <c r="B27" s="6"/>
      <c r="C27" s="6"/>
      <c r="D27" s="7"/>
      <c r="F27" s="9"/>
      <c r="G27" s="9"/>
      <c r="H27" s="9"/>
      <c r="I27" s="9"/>
      <c r="J27" s="17"/>
      <c r="K27" s="17"/>
      <c r="L27" s="17"/>
      <c r="M27" s="17"/>
    </row>
    <row r="28" spans="1:16" s="8" customFormat="1" ht="15.75" customHeight="1" x14ac:dyDescent="0.2">
      <c r="A28" s="6"/>
      <c r="B28" s="6"/>
      <c r="C28" s="6"/>
      <c r="D28" s="7"/>
      <c r="F28" s="9"/>
      <c r="G28" s="9"/>
      <c r="H28" s="9"/>
      <c r="I28" s="9"/>
      <c r="J28" s="17"/>
      <c r="K28" s="17"/>
      <c r="L28" s="17"/>
      <c r="M28" s="17"/>
    </row>
    <row r="29" spans="1:16" s="11" customFormat="1" ht="20.100000000000001" customHeight="1" x14ac:dyDescent="0.25">
      <c r="A29" s="11" t="s">
        <v>3</v>
      </c>
      <c r="C29" s="135"/>
      <c r="D29" s="135"/>
      <c r="E29" s="99" t="s">
        <v>2</v>
      </c>
      <c r="F29" s="117"/>
      <c r="G29" s="117"/>
      <c r="K29" s="17"/>
      <c r="L29" s="17"/>
    </row>
    <row r="30" spans="1:16" s="11" customFormat="1" ht="20.100000000000001" customHeight="1" x14ac:dyDescent="0.25">
      <c r="A30" s="11" t="s">
        <v>4</v>
      </c>
      <c r="C30" s="117"/>
      <c r="D30" s="117"/>
      <c r="E30" s="99" t="s">
        <v>1</v>
      </c>
      <c r="F30" s="118"/>
      <c r="G30" s="118"/>
      <c r="K30" s="14"/>
      <c r="L30" s="15"/>
    </row>
    <row r="31" spans="1:16" s="11" customFormat="1" ht="20.100000000000001" customHeight="1" x14ac:dyDescent="0.2">
      <c r="A31" s="11" t="s">
        <v>5</v>
      </c>
      <c r="C31" s="117"/>
      <c r="D31" s="117"/>
      <c r="E31" s="13"/>
      <c r="H31" s="18" t="s">
        <v>20</v>
      </c>
      <c r="I31" s="119"/>
      <c r="J31" s="119"/>
      <c r="L31" s="15"/>
    </row>
    <row r="32" spans="1:16" s="11" customFormat="1" ht="20.100000000000001" customHeight="1" x14ac:dyDescent="0.2">
      <c r="D32" s="12"/>
      <c r="H32" s="19"/>
      <c r="I32" s="20"/>
      <c r="J32" s="20"/>
      <c r="L32" s="15"/>
    </row>
    <row r="33" spans="1:13" s="11" customFormat="1" ht="20.100000000000001" customHeight="1" x14ac:dyDescent="0.25">
      <c r="A33" s="11" t="s">
        <v>6</v>
      </c>
      <c r="C33" s="135"/>
      <c r="D33" s="135"/>
      <c r="H33" s="21" t="s">
        <v>21</v>
      </c>
      <c r="I33" s="120"/>
      <c r="J33" s="120"/>
      <c r="L33" s="15"/>
    </row>
    <row r="34" spans="1:13" s="11" customFormat="1" ht="20.100000000000001" customHeight="1" x14ac:dyDescent="0.25">
      <c r="A34" s="11" t="s">
        <v>7</v>
      </c>
      <c r="C34" s="117"/>
      <c r="D34" s="117"/>
      <c r="E34" s="13"/>
      <c r="H34" s="21" t="s">
        <v>22</v>
      </c>
      <c r="I34" s="121"/>
      <c r="J34" s="121"/>
      <c r="L34" s="15"/>
    </row>
    <row r="35" spans="1:13" s="11" customFormat="1" ht="20.100000000000001" customHeight="1" x14ac:dyDescent="0.25">
      <c r="A35" s="11" t="s">
        <v>8</v>
      </c>
      <c r="C35" s="117"/>
      <c r="D35" s="117"/>
      <c r="E35" s="13"/>
      <c r="H35" s="22" t="s">
        <v>23</v>
      </c>
      <c r="I35" s="23"/>
      <c r="J35" s="23"/>
    </row>
    <row r="36" spans="1:13" s="11" customFormat="1" ht="20.100000000000001" customHeight="1" x14ac:dyDescent="0.25">
      <c r="A36" s="12"/>
      <c r="B36" s="12"/>
      <c r="C36" s="12"/>
      <c r="D36" s="13"/>
      <c r="E36" s="13"/>
    </row>
    <row r="37" spans="1:13" s="11" customFormat="1" ht="20.100000000000001" customHeight="1" x14ac:dyDescent="0.2">
      <c r="A37" s="146" t="s">
        <v>10</v>
      </c>
      <c r="B37" s="146"/>
      <c r="C37" s="12"/>
      <c r="D37" s="13"/>
      <c r="E37" s="13"/>
    </row>
    <row r="38" spans="1:13" s="8" customFormat="1" ht="20.100000000000001" customHeight="1" x14ac:dyDescent="0.2">
      <c r="A38" s="24"/>
      <c r="B38" s="25" t="s">
        <v>11</v>
      </c>
      <c r="D38" s="7"/>
      <c r="E38" s="7"/>
      <c r="F38" s="9"/>
      <c r="M38" s="6"/>
    </row>
  </sheetData>
  <mergeCells count="48">
    <mergeCell ref="L21:M21"/>
    <mergeCell ref="K24:K26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2:K12"/>
    <mergeCell ref="A13:A14"/>
    <mergeCell ref="B13:B14"/>
    <mergeCell ref="C13:C14"/>
    <mergeCell ref="D13:D14"/>
    <mergeCell ref="E13:E14"/>
    <mergeCell ref="F13:F14"/>
    <mergeCell ref="G13:G14"/>
    <mergeCell ref="H13:J13"/>
    <mergeCell ref="K13:K14"/>
    <mergeCell ref="L13:M13"/>
    <mergeCell ref="K16:K18"/>
    <mergeCell ref="C29:D29"/>
    <mergeCell ref="F29:G29"/>
    <mergeCell ref="A20:K20"/>
    <mergeCell ref="A21:A22"/>
    <mergeCell ref="B21:B22"/>
    <mergeCell ref="C21:C22"/>
    <mergeCell ref="D21:D22"/>
    <mergeCell ref="E21:E22"/>
    <mergeCell ref="F21:F22"/>
    <mergeCell ref="G21:G22"/>
    <mergeCell ref="H21:J21"/>
    <mergeCell ref="K21:K22"/>
    <mergeCell ref="C34:D34"/>
    <mergeCell ref="I34:J34"/>
    <mergeCell ref="C35:D35"/>
    <mergeCell ref="A37:B37"/>
    <mergeCell ref="C30:D30"/>
    <mergeCell ref="F30:G30"/>
    <mergeCell ref="C31:D31"/>
    <mergeCell ref="I31:J31"/>
    <mergeCell ref="C33:D33"/>
    <mergeCell ref="I33:J33"/>
  </mergeCells>
  <conditionalFormatting sqref="F29:G29">
    <cfRule type="containsBlanks" dxfId="35" priority="6">
      <formula>LEN(TRIM(F29))=0</formula>
    </cfRule>
  </conditionalFormatting>
  <conditionalFormatting sqref="I33:J33">
    <cfRule type="containsBlanks" dxfId="34" priority="4">
      <formula>LEN(TRIM(I33))=0</formula>
    </cfRule>
  </conditionalFormatting>
  <conditionalFormatting sqref="I34:J34">
    <cfRule type="containsBlanks" dxfId="33" priority="3">
      <formula>LEN(TRIM(I34))=0</formula>
    </cfRule>
  </conditionalFormatting>
  <conditionalFormatting sqref="C29:D31">
    <cfRule type="containsBlanks" dxfId="32" priority="2">
      <formula>LEN(TRIM(C29))=0</formula>
    </cfRule>
  </conditionalFormatting>
  <conditionalFormatting sqref="C33:D35">
    <cfRule type="containsBlanks" dxfId="31" priority="1">
      <formula>LEN(TRIM(C33))=0</formula>
    </cfRule>
  </conditionalFormatting>
  <conditionalFormatting sqref="F30:G30">
    <cfRule type="containsBlanks" dxfId="30" priority="5">
      <formula>LEN(TRIM(F30))=0</formula>
    </cfRule>
  </conditionalFormatting>
  <printOptions horizontalCentered="1"/>
  <pageMargins left="0.55118110236220474" right="0.55118110236220474" top="0.55118110236220474" bottom="0.55118110236220474" header="0.51181102362204722" footer="0.51181102362204722"/>
  <pageSetup paperSize="9" scale="66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4</vt:i4>
      </vt:variant>
      <vt:variant>
        <vt:lpstr>Pomenované rozsahy</vt:lpstr>
      </vt:variant>
      <vt:variant>
        <vt:i4>14</vt:i4>
      </vt:variant>
    </vt:vector>
  </HeadingPairs>
  <TitlesOfParts>
    <vt:vector size="28" baseType="lpstr">
      <vt:lpstr>Časť č. 1</vt:lpstr>
      <vt:lpstr>Časť č. 2</vt:lpstr>
      <vt:lpstr>Časť č. 3</vt:lpstr>
      <vt:lpstr>Časť č. 4</vt:lpstr>
      <vt:lpstr>Časť č. 5</vt:lpstr>
      <vt:lpstr>Časť č. 6</vt:lpstr>
      <vt:lpstr>Časť č. 7</vt:lpstr>
      <vt:lpstr>Časť č. 8</vt:lpstr>
      <vt:lpstr>Časť č. 9</vt:lpstr>
      <vt:lpstr>Časť č. 10</vt:lpstr>
      <vt:lpstr>Časť č. 11</vt:lpstr>
      <vt:lpstr>Časť č. 12</vt:lpstr>
      <vt:lpstr>Časť č. 13</vt:lpstr>
      <vt:lpstr>Časť č. 14</vt:lpstr>
      <vt:lpstr>'Časť č. 1'!Oblasť_tlače</vt:lpstr>
      <vt:lpstr>'Časť č. 10'!Oblasť_tlače</vt:lpstr>
      <vt:lpstr>'Časť č. 11'!Oblasť_tlače</vt:lpstr>
      <vt:lpstr>'Časť č. 12'!Oblasť_tlače</vt:lpstr>
      <vt:lpstr>'Časť č. 13'!Oblasť_tlače</vt:lpstr>
      <vt:lpstr>'Časť č. 14'!Oblasť_tlače</vt:lpstr>
      <vt:lpstr>'Časť č. 2'!Oblasť_tlače</vt:lpstr>
      <vt:lpstr>'Časť č. 3'!Oblasť_tlače</vt:lpstr>
      <vt:lpstr>'Časť č. 4'!Oblasť_tlače</vt:lpstr>
      <vt:lpstr>'Časť č. 5'!Oblasť_tlače</vt:lpstr>
      <vt:lpstr>'Časť č. 6'!Oblasť_tlače</vt:lpstr>
      <vt:lpstr>'Časť č. 7'!Oblasť_tlače</vt:lpstr>
      <vt:lpstr>'Časť č. 8'!Oblasť_tlače</vt:lpstr>
      <vt:lpstr>'Časť č. 9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Ing. Alena Nováková</cp:lastModifiedBy>
  <cp:lastPrinted>2025-11-07T07:36:08Z</cp:lastPrinted>
  <dcterms:created xsi:type="dcterms:W3CDTF">2016-07-20T08:41:08Z</dcterms:created>
  <dcterms:modified xsi:type="dcterms:W3CDTF">2025-11-19T12:50:25Z</dcterms:modified>
</cp:coreProperties>
</file>